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30026"/>
  <workbookPr autoCompressPictures="0"/>
  <mc:AlternateContent xmlns:mc="http://schemas.openxmlformats.org/markup-compatibility/2006">
    <mc:Choice Requires="x15">
      <x15ac:absPath xmlns:x15ac="http://schemas.microsoft.com/office/spreadsheetml/2010/11/ac" url="\\Ls220db4ed\s23902007\０２　指導監査\002 自主点検表等\自主点検表\R8年度\№7_老人福祉施設\(5)軽費\"/>
    </mc:Choice>
  </mc:AlternateContent>
  <xr:revisionPtr revIDLastSave="0" documentId="13_ncr:1_{957E2251-0B3A-478E-9235-3A3B2CF051F1}" xr6:coauthVersionLast="47" xr6:coauthVersionMax="47" xr10:uidLastSave="{00000000-0000-0000-0000-000000000000}"/>
  <bookViews>
    <workbookView xWindow="-98" yWindow="-98" windowWidth="21795" windowHeight="14235" tabRatio="875" xr2:uid="{00000000-000D-0000-FFFF-FFFF00000000}"/>
  </bookViews>
  <sheets>
    <sheet name="自主点検表（7-(5)）" sheetId="11" r:id="rId1"/>
    <sheet name="根拠法令等" sheetId="12" state="hidden" r:id="rId2"/>
    <sheet name="別表１" sheetId="16" state="hidden" r:id="rId3"/>
    <sheet name="入所者一覧表" sheetId="17" r:id="rId4"/>
    <sheet name="前年度の施設入所者等の状況" sheetId="18" r:id="rId5"/>
    <sheet name="✖防災訓練の実施状況" sheetId="20" state="hidden" r:id="rId6"/>
  </sheets>
  <definedNames>
    <definedName name="_xlnm.Print_Area" localSheetId="5">'✖防災訓練の実施状況'!$A$1:$N$28</definedName>
    <definedName name="_xlnm.Print_Area" localSheetId="0">'自主点検表（7-(5)）'!$A$1:$M$129,'自主点検表（7-(5)）'!$A$130:$P$1306</definedName>
    <definedName name="_xlnm.Print_Area" localSheetId="3">入所者一覧表!$A$1:$H$43</definedName>
    <definedName name="_xlnm.Print_Titles" localSheetId="0">'自主点検表（7-(5)）'!$130:$131</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E17" i="18" l="1"/>
  <c r="F17" i="18" s="1"/>
  <c r="C17" i="18"/>
  <c r="D17" i="18" s="1"/>
  <c r="B17" i="18"/>
  <c r="G16" i="18"/>
  <c r="H16" i="18" s="1"/>
  <c r="F16" i="18"/>
  <c r="D16" i="18"/>
  <c r="G15" i="18"/>
  <c r="H15" i="18" s="1"/>
  <c r="F15" i="18"/>
  <c r="D15" i="18"/>
  <c r="G14" i="18"/>
  <c r="H14" i="18" s="1"/>
  <c r="F14" i="18"/>
  <c r="D14" i="18"/>
  <c r="G13" i="18"/>
  <c r="H13" i="18" s="1"/>
  <c r="F13" i="18"/>
  <c r="D13" i="18"/>
  <c r="G12" i="18"/>
  <c r="H12" i="18" s="1"/>
  <c r="F12" i="18"/>
  <c r="D12" i="18"/>
  <c r="G11" i="18"/>
  <c r="H11" i="18" s="1"/>
  <c r="F11" i="18"/>
  <c r="D11" i="18"/>
  <c r="G10" i="18"/>
  <c r="H10" i="18" s="1"/>
  <c r="F10" i="18"/>
  <c r="D10" i="18"/>
  <c r="G9" i="18"/>
  <c r="H9" i="18" s="1"/>
  <c r="F9" i="18"/>
  <c r="D9" i="18"/>
  <c r="G8" i="18"/>
  <c r="H8" i="18" s="1"/>
  <c r="F8" i="18"/>
  <c r="D8" i="18"/>
  <c r="G7" i="18"/>
  <c r="H7" i="18" s="1"/>
  <c r="F7" i="18"/>
  <c r="D7" i="18"/>
  <c r="G6" i="18"/>
  <c r="H6" i="18" s="1"/>
  <c r="F6" i="18"/>
  <c r="D6" i="18"/>
  <c r="G5" i="18"/>
  <c r="G17" i="18" s="1"/>
  <c r="H17" i="18" s="1"/>
  <c r="F5" i="18"/>
  <c r="D5" i="18"/>
  <c r="H5" i="18" l="1"/>
  <c r="I187" i="11"/>
  <c r="I188" i="11"/>
  <c r="I189" i="11"/>
  <c r="I190" i="11"/>
  <c r="I191" i="11"/>
  <c r="I192" i="11"/>
  <c r="I193" i="11"/>
  <c r="I194" i="11"/>
  <c r="I195" i="11"/>
  <c r="I196" i="11"/>
  <c r="I197" i="11"/>
  <c r="I198" i="11"/>
</calcChain>
</file>

<file path=xl/sharedStrings.xml><?xml version="1.0" encoding="utf-8"?>
<sst xmlns="http://schemas.openxmlformats.org/spreadsheetml/2006/main" count="1420" uniqueCount="676">
  <si>
    <t>施設長</t>
    <rPh sb="0" eb="2">
      <t>シセツ</t>
    </rPh>
    <rPh sb="2" eb="3">
      <t>チョウ</t>
    </rPh>
    <phoneticPr fontId="1"/>
  </si>
  <si>
    <t>確認文書</t>
    <rPh sb="0" eb="2">
      <t>カクニン</t>
    </rPh>
    <rPh sb="2" eb="4">
      <t>ブンショ</t>
    </rPh>
    <phoneticPr fontId="1"/>
  </si>
  <si>
    <t>確認項目</t>
    <rPh sb="0" eb="2">
      <t>カクニン</t>
    </rPh>
    <rPh sb="2" eb="4">
      <t>コウモク</t>
    </rPh>
    <phoneticPr fontId="1"/>
  </si>
  <si>
    <t>非常災害対策</t>
    <rPh sb="0" eb="2">
      <t>ヒジョウ</t>
    </rPh>
    <rPh sb="2" eb="4">
      <t>サイガイ</t>
    </rPh>
    <rPh sb="4" eb="6">
      <t>タイサク</t>
    </rPh>
    <phoneticPr fontId="1"/>
  </si>
  <si>
    <t>施設の目的及び運営の方針</t>
    <rPh sb="0" eb="2">
      <t>シセツ</t>
    </rPh>
    <rPh sb="3" eb="5">
      <t>モクテキ</t>
    </rPh>
    <rPh sb="5" eb="6">
      <t>オヨ</t>
    </rPh>
    <rPh sb="7" eb="9">
      <t>ウンエイ</t>
    </rPh>
    <rPh sb="10" eb="12">
      <t>ホウシン</t>
    </rPh>
    <phoneticPr fontId="1"/>
  </si>
  <si>
    <t>職員の職種、数及び職務の内容</t>
    <rPh sb="0" eb="2">
      <t>ショクイン</t>
    </rPh>
    <rPh sb="3" eb="5">
      <t>ショクシュ</t>
    </rPh>
    <rPh sb="6" eb="7">
      <t>カズ</t>
    </rPh>
    <rPh sb="7" eb="8">
      <t>オヨ</t>
    </rPh>
    <rPh sb="9" eb="11">
      <t>ショクム</t>
    </rPh>
    <rPh sb="12" eb="14">
      <t>ナイヨウ</t>
    </rPh>
    <phoneticPr fontId="1"/>
  </si>
  <si>
    <t>入所定員</t>
    <rPh sb="0" eb="2">
      <t>ニュウショ</t>
    </rPh>
    <rPh sb="2" eb="4">
      <t>テイイン</t>
    </rPh>
    <phoneticPr fontId="1"/>
  </si>
  <si>
    <t>施設の利用に当たっての留意事項</t>
    <rPh sb="0" eb="2">
      <t>シセツ</t>
    </rPh>
    <rPh sb="3" eb="5">
      <t>リヨウ</t>
    </rPh>
    <rPh sb="6" eb="7">
      <t>ア</t>
    </rPh>
    <rPh sb="11" eb="13">
      <t>リュウイ</t>
    </rPh>
    <rPh sb="13" eb="15">
      <t>ジコウ</t>
    </rPh>
    <phoneticPr fontId="1"/>
  </si>
  <si>
    <t>その他施設の運営に関する重要事項</t>
    <rPh sb="2" eb="3">
      <t>タ</t>
    </rPh>
    <rPh sb="3" eb="5">
      <t>シセツ</t>
    </rPh>
    <rPh sb="6" eb="8">
      <t>ウンエイ</t>
    </rPh>
    <rPh sb="9" eb="10">
      <t>カン</t>
    </rPh>
    <rPh sb="12" eb="14">
      <t>ジュウヨウ</t>
    </rPh>
    <rPh sb="14" eb="16">
      <t>ジコウ</t>
    </rPh>
    <phoneticPr fontId="1"/>
  </si>
  <si>
    <t>区分</t>
    <rPh sb="0" eb="2">
      <t>クブン</t>
    </rPh>
    <phoneticPr fontId="1"/>
  </si>
  <si>
    <t>基準数</t>
    <rPh sb="0" eb="2">
      <t>キジュン</t>
    </rPh>
    <rPh sb="2" eb="3">
      <t>スウ</t>
    </rPh>
    <phoneticPr fontId="1"/>
  </si>
  <si>
    <t>現員数</t>
    <rPh sb="0" eb="2">
      <t>ゲンイン</t>
    </rPh>
    <rPh sb="2" eb="3">
      <t>スウ</t>
    </rPh>
    <phoneticPr fontId="1"/>
  </si>
  <si>
    <t>常勤</t>
    <rPh sb="0" eb="2">
      <t>ジョウキン</t>
    </rPh>
    <phoneticPr fontId="1"/>
  </si>
  <si>
    <t>無資格</t>
    <rPh sb="0" eb="3">
      <t>ムシカク</t>
    </rPh>
    <phoneticPr fontId="1"/>
  </si>
  <si>
    <t>過不足数</t>
    <rPh sb="0" eb="3">
      <t>カフソク</t>
    </rPh>
    <rPh sb="3" eb="4">
      <t>スウ</t>
    </rPh>
    <phoneticPr fontId="1"/>
  </si>
  <si>
    <t>生活相談員</t>
    <rPh sb="0" eb="2">
      <t>セイカツ</t>
    </rPh>
    <rPh sb="2" eb="5">
      <t>ソウダンイン</t>
    </rPh>
    <phoneticPr fontId="1"/>
  </si>
  <si>
    <t>介護職員</t>
    <rPh sb="0" eb="2">
      <t>カイゴ</t>
    </rPh>
    <rPh sb="2" eb="4">
      <t>ショクイン</t>
    </rPh>
    <phoneticPr fontId="1"/>
  </si>
  <si>
    <t>栄養士</t>
    <rPh sb="0" eb="3">
      <t>エイヨウシ</t>
    </rPh>
    <phoneticPr fontId="1"/>
  </si>
  <si>
    <t>調理員</t>
    <rPh sb="0" eb="3">
      <t>チョウリイン</t>
    </rPh>
    <phoneticPr fontId="1"/>
  </si>
  <si>
    <t>事務員</t>
    <rPh sb="0" eb="2">
      <t>ジム</t>
    </rPh>
    <rPh sb="2" eb="3">
      <t>イン</t>
    </rPh>
    <phoneticPr fontId="1"/>
  </si>
  <si>
    <t>その他（　　　）</t>
    <rPh sb="2" eb="3">
      <t>タ</t>
    </rPh>
    <phoneticPr fontId="1"/>
  </si>
  <si>
    <t>点検結果</t>
    <rPh sb="0" eb="2">
      <t>テンケン</t>
    </rPh>
    <rPh sb="2" eb="4">
      <t>ケッカ</t>
    </rPh>
    <phoneticPr fontId="1"/>
  </si>
  <si>
    <t>適</t>
    <rPh sb="0" eb="1">
      <t>テキ</t>
    </rPh>
    <phoneticPr fontId="1"/>
  </si>
  <si>
    <t>不適</t>
    <rPh sb="0" eb="2">
      <t>フテキ</t>
    </rPh>
    <phoneticPr fontId="1"/>
  </si>
  <si>
    <t>□平面図</t>
    <rPh sb="1" eb="4">
      <t>ヘイメンズ</t>
    </rPh>
    <phoneticPr fontId="1"/>
  </si>
  <si>
    <t>□運営規程</t>
    <rPh sb="1" eb="3">
      <t>ウンエイ</t>
    </rPh>
    <rPh sb="3" eb="5">
      <t>キテイ</t>
    </rPh>
    <phoneticPr fontId="1"/>
  </si>
  <si>
    <t>□業務日誌</t>
    <rPh sb="1" eb="3">
      <t>ギョウム</t>
    </rPh>
    <rPh sb="3" eb="5">
      <t>ニッシ</t>
    </rPh>
    <phoneticPr fontId="1"/>
  </si>
  <si>
    <t>【身体的拘束等の適正化のための指針】
　指針には次のような項目を盛り込むこと。
　①施設における身体的拘束等の適正化に関する基本的考え方
　②身体的拘束適正化検討委員会その他施設内の組織に関する事項
　③身体的拘束等の適正化のための職員研修に関する基本方針
　④施設内で発生した身体的拘束等の報告方法等のための方策に関する基本方針
　⑤身体的拘束等の発生時の対応に関する基本方針
　⑥入所者等に対する当該指針の閲覧に関する基本方針
　⑦その他身体的拘束等の適正化の推進のために必要な基本方針</t>
    <rPh sb="1" eb="4">
      <t>シンタイテキ</t>
    </rPh>
    <rPh sb="4" eb="6">
      <t>コウソク</t>
    </rPh>
    <rPh sb="6" eb="7">
      <t>トウ</t>
    </rPh>
    <rPh sb="8" eb="11">
      <t>テキセイカ</t>
    </rPh>
    <rPh sb="15" eb="17">
      <t>シシン</t>
    </rPh>
    <rPh sb="20" eb="22">
      <t>シシン</t>
    </rPh>
    <rPh sb="24" eb="25">
      <t>ツギ</t>
    </rPh>
    <rPh sb="29" eb="31">
      <t>コウモク</t>
    </rPh>
    <rPh sb="32" eb="33">
      <t>モ</t>
    </rPh>
    <rPh sb="34" eb="35">
      <t>コ</t>
    </rPh>
    <rPh sb="42" eb="44">
      <t>シセツ</t>
    </rPh>
    <rPh sb="48" eb="54">
      <t>シンタイテキコウソクトウ</t>
    </rPh>
    <rPh sb="55" eb="58">
      <t>テキセイカ</t>
    </rPh>
    <rPh sb="59" eb="60">
      <t>カン</t>
    </rPh>
    <rPh sb="62" eb="65">
      <t>キホンテキ</t>
    </rPh>
    <rPh sb="65" eb="66">
      <t>カンガ</t>
    </rPh>
    <rPh sb="67" eb="68">
      <t>カタ</t>
    </rPh>
    <phoneticPr fontId="1"/>
  </si>
  <si>
    <t>○厚生労働大臣が定める感染症又は食中毒の発生が疑われる際の対処等に関する手順
一　養護老人ホーム、指定介護老人福祉施設、介護老人保健施設、指定介護療養型医療施設若しくは介護医療院、特別
　養護老人ホーム、指定地域密着型介護老人福祉施設又は軽費老人ホーム（以下「養護老人ホーム等」という。）の従
　業者が、入所者、入居者又は入院患者について、感染症又は食中毒の発生を疑ったときは、速やかに管理者又は施設
　長（以下「管理者等」という。）に報告する体制を整えること。
二　養護老人ホーム等の管理者等は、当該養護老人ホーム等における感染症若しくは食中毒の発生を疑ったとき又は前
　号の報告を受けたときは、従業者に対して必要な指示を行わなければならないこと。</t>
    <phoneticPr fontId="1"/>
  </si>
  <si>
    <t>五　養護老人ホーム等の管理者等及び医師、看護職員その他の従業者は、感染症若しくは食中毒の患者又はそれらの疑
　いのある者（以下「有症者等」という。）の状態に応じ、協力病院をはじめとする地域の医療機関等との連携を図る
　ことその他の適切な措置を講じなければならないこと。
六　養護老人ホーム等は、感染症若しくは食中毒の発生又はそれが疑われる状況が生じたときの有症者等の状況及び各
　有症者等に講じた措置等を記録しなければならないこと。</t>
    <phoneticPr fontId="1"/>
  </si>
  <si>
    <t>七　養護老人ホーム等の管理者等は、イからハまでに掲げる場合には、有症者等の人数、症状、対応状況等を市町村及
　び保健所に迅速に報告するとともに、市町村又は保健所からの指示を求めることその他の措置を講じなければならな
　いこと。
　イ　同一の感染症若しくは食中毒による又はそれらによると疑われる死亡者又は重篤な患者が一週間内に二名以上発
　　生した場合
　ロ　同一の有症者等が十名以上又は全利用者の半数以上発生した場合
　ハ　イ及びロに掲げる場合のほか、通常の発生動向を上回る感染症等の発生が疑われ、特に管理者等が報告を必要と
　　認めた場合
八　前号の報告を行った養護老人ホーム等は、その原因の究明に資するため、当該有症者等を診察する医師等と連携の
　上、血液、便、吐物等の検体を確保するよう努めなければならないこと。</t>
    <phoneticPr fontId="1"/>
  </si>
  <si>
    <t>【損害賠償】
・損害賠償保険に加入しておくか、賠償資力を有することが望ましい。</t>
    <rPh sb="1" eb="3">
      <t>ソンガイ</t>
    </rPh>
    <rPh sb="3" eb="5">
      <t>バイショウ</t>
    </rPh>
    <rPh sb="8" eb="10">
      <t>ソンガイ</t>
    </rPh>
    <rPh sb="10" eb="12">
      <t>バイショウ</t>
    </rPh>
    <rPh sb="12" eb="14">
      <t>ホケン</t>
    </rPh>
    <rPh sb="15" eb="17">
      <t>カニュウ</t>
    </rPh>
    <rPh sb="23" eb="25">
      <t>バイショウ</t>
    </rPh>
    <rPh sb="25" eb="27">
      <t>シリョク</t>
    </rPh>
    <rPh sb="28" eb="29">
      <t>ユウ</t>
    </rPh>
    <rPh sb="34" eb="35">
      <t>ノゾ</t>
    </rPh>
    <phoneticPr fontId="1"/>
  </si>
  <si>
    <t>【虐待の防止のための指針】
・次のような項目を盛り込むこと。
　①施設における虐待の防止に関する基本的考え方
　②虐待防止検討委員会その他施設内の組織に関する事項
　③虐待の防止のための職員研修に関する基本方針
　④虐待等が発生した場合の対応方法に関する基本方針
　⑤虐待等が発生した場合の相談・報告体制に関する事項
　⑥成年後見制度の利用支援に関する事項
　⑦虐待等に係る苦情解決方法に関する事項
　⑧入所者等に対する当該指針の閲覧に関する事項
　⑨その他虐待の防止の推進のために必要な事項</t>
    <rPh sb="1" eb="3">
      <t>ギャクタイ</t>
    </rPh>
    <rPh sb="4" eb="6">
      <t>ボウシ</t>
    </rPh>
    <rPh sb="10" eb="12">
      <t>シシン</t>
    </rPh>
    <phoneticPr fontId="1"/>
  </si>
  <si>
    <t>□研修計画、実施記録</t>
    <rPh sb="1" eb="3">
      <t>ケンシュウ</t>
    </rPh>
    <rPh sb="3" eb="5">
      <t>ケイカク</t>
    </rPh>
    <rPh sb="6" eb="8">
      <t>ジッシ</t>
    </rPh>
    <rPh sb="8" eb="10">
      <t>キロク</t>
    </rPh>
    <phoneticPr fontId="1"/>
  </si>
  <si>
    <t>□研修計画、実施記録</t>
    <rPh sb="1" eb="3">
      <t>ケンシュウ</t>
    </rPh>
    <rPh sb="3" eb="5">
      <t>ケイカク</t>
    </rPh>
    <rPh sb="6" eb="10">
      <t>ジッシキロク</t>
    </rPh>
    <phoneticPr fontId="1"/>
  </si>
  <si>
    <t>□業務継続計画</t>
    <rPh sb="1" eb="7">
      <t>ギョウムケイゾクケイカク</t>
    </rPh>
    <phoneticPr fontId="1"/>
  </si>
  <si>
    <t>□研修及び訓練計画、</t>
    <rPh sb="1" eb="3">
      <t>ケンシュウ</t>
    </rPh>
    <rPh sb="3" eb="4">
      <t>オヨ</t>
    </rPh>
    <rPh sb="5" eb="7">
      <t>クンレン</t>
    </rPh>
    <rPh sb="7" eb="9">
      <t>ケイカク</t>
    </rPh>
    <phoneticPr fontId="1"/>
  </si>
  <si>
    <t>　実施記録</t>
    <phoneticPr fontId="1"/>
  </si>
  <si>
    <t>□指針</t>
    <rPh sb="1" eb="3">
      <t>シシン</t>
    </rPh>
    <phoneticPr fontId="1"/>
  </si>
  <si>
    <t>□研修及び訓練の記録</t>
    <rPh sb="1" eb="3">
      <t>ケンシュウ</t>
    </rPh>
    <rPh sb="3" eb="4">
      <t>オヨ</t>
    </rPh>
    <rPh sb="5" eb="7">
      <t>クンレン</t>
    </rPh>
    <rPh sb="8" eb="10">
      <t>キロク</t>
    </rPh>
    <phoneticPr fontId="1"/>
  </si>
  <si>
    <t>□職員の秘密保持誓約書</t>
    <rPh sb="1" eb="3">
      <t>ショクイン</t>
    </rPh>
    <rPh sb="4" eb="6">
      <t>ヒミツ</t>
    </rPh>
    <rPh sb="6" eb="8">
      <t>ホジ</t>
    </rPh>
    <rPh sb="8" eb="11">
      <t>セイヤクショ</t>
    </rPh>
    <phoneticPr fontId="1"/>
  </si>
  <si>
    <t>□苦情の受付簿</t>
    <rPh sb="1" eb="3">
      <t>クジョウ</t>
    </rPh>
    <rPh sb="4" eb="7">
      <t>ウケツケボ</t>
    </rPh>
    <phoneticPr fontId="1"/>
  </si>
  <si>
    <t>□苦情者への対応記録</t>
    <rPh sb="1" eb="3">
      <t>クジョウ</t>
    </rPh>
    <rPh sb="3" eb="4">
      <t>シャ</t>
    </rPh>
    <rPh sb="6" eb="8">
      <t>タイオウ</t>
    </rPh>
    <rPh sb="8" eb="10">
      <t>キロク</t>
    </rPh>
    <phoneticPr fontId="1"/>
  </si>
  <si>
    <t>□委員会議事録</t>
    <rPh sb="1" eb="4">
      <t>イインカイ</t>
    </rPh>
    <rPh sb="4" eb="7">
      <t>ギジロク</t>
    </rPh>
    <phoneticPr fontId="1"/>
  </si>
  <si>
    <t>Ⅰ　基本方針</t>
    <rPh sb="2" eb="4">
      <t>キホン</t>
    </rPh>
    <rPh sb="4" eb="6">
      <t>ホウシン</t>
    </rPh>
    <phoneticPr fontId="1"/>
  </si>
  <si>
    <t>Ⅱ　人員に関する事項</t>
    <rPh sb="2" eb="4">
      <t>ジンイン</t>
    </rPh>
    <rPh sb="5" eb="6">
      <t>カン</t>
    </rPh>
    <rPh sb="8" eb="10">
      <t>ジコウ</t>
    </rPh>
    <phoneticPr fontId="1"/>
  </si>
  <si>
    <t>１　職員の配置</t>
    <rPh sb="2" eb="4">
      <t>ショクイン</t>
    </rPh>
    <rPh sb="5" eb="7">
      <t>ハイチ</t>
    </rPh>
    <phoneticPr fontId="1"/>
  </si>
  <si>
    <t>１－１　施設長</t>
    <rPh sb="4" eb="6">
      <t>シセツ</t>
    </rPh>
    <rPh sb="6" eb="7">
      <t>チョウ</t>
    </rPh>
    <phoneticPr fontId="1"/>
  </si>
  <si>
    <t>Ⅲ　設備に関する事項</t>
    <rPh sb="2" eb="4">
      <t>セツビ</t>
    </rPh>
    <rPh sb="5" eb="6">
      <t>カン</t>
    </rPh>
    <rPh sb="8" eb="10">
      <t>ジコウ</t>
    </rPh>
    <phoneticPr fontId="1"/>
  </si>
  <si>
    <t>１　設備</t>
    <rPh sb="2" eb="4">
      <t>セツビ</t>
    </rPh>
    <phoneticPr fontId="1"/>
  </si>
  <si>
    <t>Ⅳ　運営に関する事項</t>
    <rPh sb="2" eb="4">
      <t>ウンエイ</t>
    </rPh>
    <rPh sb="5" eb="6">
      <t>カン</t>
    </rPh>
    <rPh sb="8" eb="10">
      <t>ジコウ</t>
    </rPh>
    <phoneticPr fontId="1"/>
  </si>
  <si>
    <t>１　運営規程</t>
    <rPh sb="2" eb="4">
      <t>ウンエイ</t>
    </rPh>
    <rPh sb="4" eb="6">
      <t>キテイ</t>
    </rPh>
    <phoneticPr fontId="1"/>
  </si>
  <si>
    <t>２　非常災害対策</t>
    <rPh sb="2" eb="4">
      <t>ヒジョウ</t>
    </rPh>
    <rPh sb="4" eb="6">
      <t>サイガイ</t>
    </rPh>
    <rPh sb="6" eb="8">
      <t>タイサク</t>
    </rPh>
    <phoneticPr fontId="1"/>
  </si>
  <si>
    <t>３　記録</t>
    <rPh sb="2" eb="4">
      <t>キロク</t>
    </rPh>
    <phoneticPr fontId="1"/>
  </si>
  <si>
    <t>　か。</t>
    <phoneticPr fontId="1"/>
  </si>
  <si>
    <t>法人名</t>
    <rPh sb="0" eb="2">
      <t>ホウジン</t>
    </rPh>
    <rPh sb="2" eb="3">
      <t>メイ</t>
    </rPh>
    <phoneticPr fontId="1"/>
  </si>
  <si>
    <t>施設名</t>
    <rPh sb="0" eb="2">
      <t>シセツ</t>
    </rPh>
    <rPh sb="2" eb="3">
      <t>メイ</t>
    </rPh>
    <phoneticPr fontId="1"/>
  </si>
  <si>
    <t>電話番号</t>
    <rPh sb="0" eb="2">
      <t>デンワ</t>
    </rPh>
    <rPh sb="2" eb="4">
      <t>バンゴウ</t>
    </rPh>
    <phoneticPr fontId="1"/>
  </si>
  <si>
    <t>メールアドレス</t>
    <phoneticPr fontId="1"/>
  </si>
  <si>
    <t>点検年月日</t>
    <rPh sb="0" eb="2">
      <t>テンケン</t>
    </rPh>
    <rPh sb="2" eb="5">
      <t>ネンガッピ</t>
    </rPh>
    <phoneticPr fontId="1"/>
  </si>
  <si>
    <t>【添付資料】</t>
    <rPh sb="1" eb="3">
      <t>テンプ</t>
    </rPh>
    <rPh sb="3" eb="5">
      <t>シリョウ</t>
    </rPh>
    <phoneticPr fontId="1"/>
  </si>
  <si>
    <t>２　施設平面図</t>
    <rPh sb="2" eb="4">
      <t>シセツ</t>
    </rPh>
    <rPh sb="4" eb="7">
      <t>ヘイメンズ</t>
    </rPh>
    <phoneticPr fontId="1"/>
  </si>
  <si>
    <t>３　運営規程</t>
    <rPh sb="2" eb="4">
      <t>ウンエイ</t>
    </rPh>
    <rPh sb="4" eb="6">
      <t>キテイ</t>
    </rPh>
    <phoneticPr fontId="1"/>
  </si>
  <si>
    <t>２　確認項目欄に回答欄がある場合は、回答欄に入力してください。</t>
    <rPh sb="2" eb="4">
      <t>カクニン</t>
    </rPh>
    <rPh sb="4" eb="6">
      <t>コウモク</t>
    </rPh>
    <rPh sb="6" eb="7">
      <t>ラン</t>
    </rPh>
    <rPh sb="8" eb="10">
      <t>カイトウ</t>
    </rPh>
    <rPh sb="10" eb="11">
      <t>ラン</t>
    </rPh>
    <rPh sb="14" eb="16">
      <t>バアイ</t>
    </rPh>
    <rPh sb="18" eb="20">
      <t>カイトウ</t>
    </rPh>
    <rPh sb="20" eb="21">
      <t>ラン</t>
    </rPh>
    <rPh sb="22" eb="24">
      <t>ニュウリョク</t>
    </rPh>
    <phoneticPr fontId="1"/>
  </si>
  <si>
    <t>【記入要領・注意事項】</t>
    <rPh sb="1" eb="3">
      <t>キニュウ</t>
    </rPh>
    <rPh sb="3" eb="5">
      <t>ヨウリョウ</t>
    </rPh>
    <rPh sb="6" eb="8">
      <t>チュウイ</t>
    </rPh>
    <rPh sb="8" eb="10">
      <t>ジコウ</t>
    </rPh>
    <phoneticPr fontId="1"/>
  </si>
  <si>
    <t>【凡例】</t>
    <rPh sb="1" eb="3">
      <t>ハンレイ</t>
    </rPh>
    <phoneticPr fontId="1"/>
  </si>
  <si>
    <t>※市使用欄</t>
    <rPh sb="1" eb="2">
      <t>シ</t>
    </rPh>
    <rPh sb="2" eb="4">
      <t>シヨウ</t>
    </rPh>
    <rPh sb="4" eb="5">
      <t>ラン</t>
    </rPh>
    <phoneticPr fontId="1"/>
  </si>
  <si>
    <t>監査年月日</t>
    <rPh sb="0" eb="2">
      <t>カンサ</t>
    </rPh>
    <rPh sb="2" eb="5">
      <t>ネンガッピ</t>
    </rPh>
    <phoneticPr fontId="1"/>
  </si>
  <si>
    <t>三　養護老人ホーム等においては、感染症又は食中毒の発生又はまん延を防止する観点から、従業者の健康管理を徹底
　し、従業者、来訪者等の健康状態によっては利用者との接触を制限する等の措置を講ずるとともに、従業者及び利用
　者に対して手洗いやうがいを励行するなど衛生教育の徹底を図ること。
四　養護老人ホーム等（軽費老人ホームを除く。以下この号において同じ。）の医師及び看護職員は、当該養護老人ホ
　ーム等内において感染症若しくは食中毒の発生又はそれが疑われる状況が生じたときは、速やかな対応を行わなけれ
　ばならないこと。</t>
    <phoneticPr fontId="1"/>
  </si>
  <si>
    <t>１　基本方針</t>
    <rPh sb="2" eb="4">
      <t>キホン</t>
    </rPh>
    <rPh sb="4" eb="6">
      <t>ホウシン</t>
    </rPh>
    <phoneticPr fontId="1"/>
  </si>
  <si>
    <t>１　利用者の安心・安全の確保</t>
    <rPh sb="2" eb="5">
      <t>リヨウシャ</t>
    </rPh>
    <rPh sb="6" eb="8">
      <t>アンシン</t>
    </rPh>
    <rPh sb="9" eb="11">
      <t>アンゼン</t>
    </rPh>
    <rPh sb="12" eb="14">
      <t>カクホ</t>
    </rPh>
    <phoneticPr fontId="1"/>
  </si>
  <si>
    <t>4 避難促進施設の所有者又は管理者の使用人その他の従業者は、避難確保計画の定めるところにより、第二項の避難訓
　練に参加しなければならない。
5 避難促進施設の所有者又は管理者は、第二項の避難訓練を行おうとするときは、避難促進施設を利用する者に協力を
　求めることができる。
第54条　市町村防災会議は、前条第一項の規定による警戒区域の指定があったときは、市町村地域防災計画において、
　当該警戒区域ごとに、次に掲げる事項について定めるものとする。
　四　警戒区域内に、地下街等又は社会福祉施設、学校、医療施設その他の主として防災上の配慮を要する者が利用す
　　る施設であって、当該施設の利用者の津波の発生時における円滑かつ迅速な避難を確保する必要があると認められ
　　るものがある場合にあっては、これらの施設の名称及び所在地
第53条　都道府県知事は、基本指針に基づき、かつ、津波浸水想定を踏まえ、津波が発生した場合には住民その他の者
　の生命又は身体に危害が生ずるおそれがあると認められる土地の区域で、当該区域における津波による人的災害を防
　止するために警戒避難体制を特に整備すべき土地の区域を、津波災害警戒区域（以下「警戒区域」という。）として
　指定することができる。</t>
    <phoneticPr fontId="1"/>
  </si>
  <si>
    <t>◎津波防災地域づくりに関する法律（平成23年法律第123号）
第71条　次に掲げる施設であって、第五十四条第一項の規定により市町村地域防災計画又は災害対策基本法第四十四条
　第一項の市町村相互間地域防災計画にその名称及び所在地が定められたもの（以下この条において「避難促進施設」
　という。）の所有者又は管理者は、単独で又は共同して、国土交通省令で定めるところにより、避難訓練その他当該
　避難促進施設の利用者の津波の発生時における円滑かつ迅速な避難の確保を図るために必要な措置に関する計画（以
　下この条において「避難確保計画」という。）を作成し、これを市町村長に報告するとともに、公表しなければなら
　ない。
　二　社会福祉施設、学校、医療施設その他の主として防災上の配慮を要する者が利用する施設のうち、その利用者の
　　津波の発生時における円滑かつ迅速な避難を確保するための体制を計画的に整備する必要があるものとして政令で
　　定めるもの
2 避難促進施設の所有者又は管理者は、避難確保計画の定めるところにより避難訓練を行うとともに、その結果を市町
　村長に報告しなければならない。
3 市町村長は、前二項の規定により報告を受けたときは、避難促進施設の所有者又は管理者に対し、当該避難促進施設
　の利用者の津波の発生時における円滑かつ迅速な避難の確保を図るために必要な助言又は勧告をすることができる。</t>
    <phoneticPr fontId="1"/>
  </si>
  <si>
    <t>火災</t>
    <rPh sb="0" eb="2">
      <t>カサイ</t>
    </rPh>
    <phoneticPr fontId="1"/>
  </si>
  <si>
    <t>地震</t>
    <rPh sb="0" eb="2">
      <t>ジシン</t>
    </rPh>
    <phoneticPr fontId="1"/>
  </si>
  <si>
    <t>津波</t>
    <rPh sb="0" eb="2">
      <t>ツナミ</t>
    </rPh>
    <phoneticPr fontId="1"/>
  </si>
  <si>
    <t>◎消防法施行規則（昭和36年自治省令第6号）第3条
10　令別表第一(一)項から(四)項まで、(五)項イ、(六)項、(九)項イ、(十六)項イ又は(十六の二)項に掲げる防火対象
　物の防火管理者は、令第三条の二第二項の消火訓練及び避難訓練を年二回以上実施しなければならない。
11　前項の防火管理者は、同項の消火訓練及び避難訓練を実施する場合には、あらかじめ、その旨を消防機関に通報し
　なければならない。
◎消防法施行令（昭和36年政令第37号）別表第一(六)項ロ(1)
　老人短期入所施設、養護老人ホーム、特別養護老人ホーム、軽費老人ホーム（要介護状態区分が避難が困難な状態を
　示すものとして総務省令で定める区分に該当する者（以下「避難が困難な要介護者」という。）を主として入居させ
　るものに限る。）、有料老人ホーム（避難が困難な要介護者を主として入居させるものに限る。）、介護老人保健施
　設、老人福祉法第五条の二第四項に規定する老人短期入所事業を行う施設、同条第五項に規定する小規模多機能型居
　宅介護事業を行う施設（避難が困難な要介護者を主として宿泊させるものに限る。）、同条第六項に規定する認知症
　対応型老人共同生活援助事業を行う施設その他これらに類するものとして総務省令で定めるもの</t>
    <phoneticPr fontId="1"/>
  </si>
  <si>
    <t>今年度開催(予定)日</t>
    <rPh sb="0" eb="3">
      <t>コンネンド</t>
    </rPh>
    <rPh sb="3" eb="5">
      <t>カイサイ</t>
    </rPh>
    <rPh sb="6" eb="8">
      <t>ヨテイ</t>
    </rPh>
    <rPh sb="9" eb="10">
      <t>ビ</t>
    </rPh>
    <phoneticPr fontId="1"/>
  </si>
  <si>
    <t>今年度実施(予定)日</t>
    <rPh sb="0" eb="3">
      <t>コンネンド</t>
    </rPh>
    <rPh sb="3" eb="5">
      <t>ジッシ</t>
    </rPh>
    <rPh sb="6" eb="8">
      <t>ヨテイ</t>
    </rPh>
    <rPh sb="9" eb="10">
      <t>ビ</t>
    </rPh>
    <phoneticPr fontId="1"/>
  </si>
  <si>
    <t>○身体拘束ゼロへの手引き（厚生労働省「身体拘束ゼロ作戦推進会議」）
【身体拘束禁止の対象となる具体的な行為】
　①徘徊しないように、車いすやいす、ベッドに体幹や四肢をひも等で縛る。
　②転落しないように、ベッドに体幹や四肢をひも等で縛る。
　③自分で降りられないように、ベッドを柵（サイドレール）で囲む。
　④点滴・経管栄養等のチューブを抜かないように、四肢をひも等で縛る。
　⑤点滴・経管栄養等のチューブを抜かないように、または皮膚をかきむしらないように、手指の機能を制限するミト
　　ン型の手袋等をつける。
　⑥車いすやいすからずり落ちたり、立ち上がったりしないように、Ｙ字型拘束帯や腰ベルト、車いすテーブルをつけ
　　る。
　⑦立ち上がる能力のある人の立ち上がりを妨げるようないすを使用する。
　⑧脱衣やおむつはずしを制限するために、介護衣（つなぎ服）を着せる。
　⑨他人への迷惑行為を防ぐために、ベッドなどに体幹や四肢をひも等で縛る。
　⑩行動を落ち着かせるために、向精神薬を過剰に服用させる。
　⑪自分の意思で開けることのできない居室等に隔離する。</t>
    <rPh sb="1" eb="3">
      <t>シンタイ</t>
    </rPh>
    <rPh sb="3" eb="5">
      <t>コウソク</t>
    </rPh>
    <rPh sb="9" eb="11">
      <t>テビ</t>
    </rPh>
    <rPh sb="13" eb="15">
      <t>コウセイ</t>
    </rPh>
    <rPh sb="15" eb="18">
      <t>ロウドウショウ</t>
    </rPh>
    <rPh sb="19" eb="21">
      <t>シンタイ</t>
    </rPh>
    <rPh sb="21" eb="23">
      <t>コウソク</t>
    </rPh>
    <rPh sb="25" eb="27">
      <t>サクセン</t>
    </rPh>
    <rPh sb="27" eb="29">
      <t>スイシン</t>
    </rPh>
    <rPh sb="29" eb="31">
      <t>カイギ</t>
    </rPh>
    <rPh sb="35" eb="37">
      <t>シンタイ</t>
    </rPh>
    <rPh sb="37" eb="39">
      <t>コウソク</t>
    </rPh>
    <rPh sb="39" eb="41">
      <t>キンシ</t>
    </rPh>
    <rPh sb="42" eb="44">
      <t>タイショウ</t>
    </rPh>
    <rPh sb="47" eb="50">
      <t>グタイテキ</t>
    </rPh>
    <rPh sb="51" eb="53">
      <t>コウイ</t>
    </rPh>
    <rPh sb="57" eb="59">
      <t>ハイカイ</t>
    </rPh>
    <rPh sb="66" eb="67">
      <t>クルマ</t>
    </rPh>
    <rPh sb="77" eb="79">
      <t>タイカン</t>
    </rPh>
    <rPh sb="80" eb="82">
      <t>シシ</t>
    </rPh>
    <rPh sb="85" eb="86">
      <t>トウ</t>
    </rPh>
    <rPh sb="87" eb="88">
      <t>シバ</t>
    </rPh>
    <rPh sb="93" eb="95">
      <t>テンラク</t>
    </rPh>
    <rPh sb="106" eb="108">
      <t>タイカン</t>
    </rPh>
    <rPh sb="109" eb="111">
      <t>シシ</t>
    </rPh>
    <rPh sb="114" eb="115">
      <t>トウ</t>
    </rPh>
    <rPh sb="116" eb="117">
      <t>シバ</t>
    </rPh>
    <rPh sb="122" eb="124">
      <t>ジブン</t>
    </rPh>
    <rPh sb="125" eb="126">
      <t>オ</t>
    </rPh>
    <rPh sb="139" eb="140">
      <t>サク</t>
    </rPh>
    <rPh sb="149" eb="150">
      <t>カコ</t>
    </rPh>
    <rPh sb="155" eb="157">
      <t>テンテキ</t>
    </rPh>
    <rPh sb="158" eb="160">
      <t>ケイカン</t>
    </rPh>
    <rPh sb="160" eb="162">
      <t>エイヨウ</t>
    </rPh>
    <rPh sb="162" eb="163">
      <t>トウ</t>
    </rPh>
    <rPh sb="169" eb="170">
      <t>ヌ</t>
    </rPh>
    <rPh sb="177" eb="179">
      <t>シシ</t>
    </rPh>
    <rPh sb="182" eb="183">
      <t>トウ</t>
    </rPh>
    <rPh sb="184" eb="185">
      <t>シバ</t>
    </rPh>
    <rPh sb="190" eb="192">
      <t>テンテキ</t>
    </rPh>
    <rPh sb="193" eb="195">
      <t>ケイカン</t>
    </rPh>
    <rPh sb="195" eb="197">
      <t>エイヨウ</t>
    </rPh>
    <rPh sb="197" eb="198">
      <t>トウ</t>
    </rPh>
    <rPh sb="204" eb="205">
      <t>ヌ</t>
    </rPh>
    <rPh sb="215" eb="217">
      <t>ヒフ</t>
    </rPh>
    <rPh sb="229" eb="231">
      <t>シュシ</t>
    </rPh>
    <rPh sb="232" eb="234">
      <t>キノウ</t>
    </rPh>
    <rPh sb="235" eb="237">
      <t>セイゲン</t>
    </rPh>
    <rPh sb="245" eb="246">
      <t>ガタ</t>
    </rPh>
    <rPh sb="247" eb="249">
      <t>テブクロ</t>
    </rPh>
    <rPh sb="249" eb="250">
      <t>トウ</t>
    </rPh>
    <rPh sb="258" eb="259">
      <t>クルマ</t>
    </rPh>
    <rPh sb="268" eb="269">
      <t>オ</t>
    </rPh>
    <rPh sb="273" eb="274">
      <t>タ</t>
    </rPh>
    <rPh sb="275" eb="276">
      <t>ア</t>
    </rPh>
    <rPh sb="288" eb="289">
      <t>ジ</t>
    </rPh>
    <rPh sb="289" eb="290">
      <t>ガタ</t>
    </rPh>
    <rPh sb="290" eb="292">
      <t>コウソク</t>
    </rPh>
    <rPh sb="292" eb="293">
      <t>タイ</t>
    </rPh>
    <rPh sb="294" eb="295">
      <t>コシ</t>
    </rPh>
    <rPh sb="299" eb="300">
      <t>クルマ</t>
    </rPh>
    <rPh sb="317" eb="318">
      <t>タ</t>
    </rPh>
    <rPh sb="319" eb="320">
      <t>ア</t>
    </rPh>
    <rPh sb="322" eb="324">
      <t>ノウリョク</t>
    </rPh>
    <rPh sb="327" eb="328">
      <t>ヒト</t>
    </rPh>
    <rPh sb="329" eb="330">
      <t>タ</t>
    </rPh>
    <rPh sb="331" eb="332">
      <t>ア</t>
    </rPh>
    <rPh sb="335" eb="336">
      <t>サマタ</t>
    </rPh>
    <rPh sb="344" eb="346">
      <t>シヨウ</t>
    </rPh>
    <rPh sb="352" eb="354">
      <t>ダツイ</t>
    </rPh>
    <rPh sb="362" eb="364">
      <t>セイゲン</t>
    </rPh>
    <rPh sb="370" eb="372">
      <t>カイゴ</t>
    </rPh>
    <rPh sb="372" eb="373">
      <t>イ</t>
    </rPh>
    <rPh sb="377" eb="378">
      <t>フク</t>
    </rPh>
    <rPh sb="380" eb="381">
      <t>キ</t>
    </rPh>
    <rPh sb="387" eb="389">
      <t>タニン</t>
    </rPh>
    <rPh sb="391" eb="393">
      <t>メイワク</t>
    </rPh>
    <rPh sb="393" eb="395">
      <t>コウイ</t>
    </rPh>
    <rPh sb="396" eb="397">
      <t>フセ</t>
    </rPh>
    <rPh sb="408" eb="410">
      <t>タイカン</t>
    </rPh>
    <rPh sb="411" eb="413">
      <t>シシ</t>
    </rPh>
    <rPh sb="416" eb="417">
      <t>トウ</t>
    </rPh>
    <rPh sb="418" eb="419">
      <t>シバ</t>
    </rPh>
    <rPh sb="424" eb="426">
      <t>コウドウ</t>
    </rPh>
    <rPh sb="427" eb="428">
      <t>オ</t>
    </rPh>
    <rPh sb="429" eb="430">
      <t>ツ</t>
    </rPh>
    <rPh sb="437" eb="441">
      <t>コウセイシンヤク</t>
    </rPh>
    <rPh sb="442" eb="444">
      <t>カジョウ</t>
    </rPh>
    <rPh sb="445" eb="447">
      <t>フクヨウ</t>
    </rPh>
    <rPh sb="454" eb="456">
      <t>ジブン</t>
    </rPh>
    <rPh sb="457" eb="459">
      <t>イシ</t>
    </rPh>
    <rPh sb="460" eb="461">
      <t>ア</t>
    </rPh>
    <rPh sb="470" eb="472">
      <t>キョシツ</t>
    </rPh>
    <rPh sb="472" eb="473">
      <t>トウ</t>
    </rPh>
    <rPh sb="474" eb="476">
      <t>カクリ</t>
    </rPh>
    <phoneticPr fontId="1"/>
  </si>
  <si>
    <t>【実施に当たっての手続】
　仮に三つの要件を満たす場合にも、以下の点に留意すべきである。
(1) ・「緊急やむを得ない場合」に該当するかどうかの判断判断は、担当のスタッフ個人（または数名）では行わず、
　　　施設全体としての判断が行われるように、あらかじめルールや手続きを定めておく。
　　・施設内の「身体拘束廃止委員会」といった組織において事前に手続き等を定め、具体的な事例についても関係者
　　　が幅広く参加したカンファレンスで判断する態勢を原則とする。
(2) ・利用者本人や家族に対して、身体拘束の内容、目的、理由、拘束の時間、時間帯、期間等をできる限り詳細に説
　　　明し、十分な理解を得るよう努める。
　　・その際には、施設長や医師、その他現場の責任者から説明を行うなど、説明手続きや説明者について事前に明文
　　　化しておく。
　　・仮に、事前に身体拘束について施設としての考え方を利用者や家族に説明し、理解を得ている場合であっても、
　　　実際に身体拘束を行う時点で、必ず個別に説明を行う。
(3) ・緊急やむを得ず身体拘束を行う場合についても、「緊急やむを得ない場合」に該当するかどうかを常に観察、再
　　　検討し、要件に該当しなくなった場合には直ちに解除すること。
　　・この場合には、実際に身体拘束を一時的に解除して状態を観察するなどの対応をとることが重要である。</t>
    <rPh sb="1" eb="3">
      <t>ジッシ</t>
    </rPh>
    <rPh sb="4" eb="5">
      <t>ア</t>
    </rPh>
    <rPh sb="9" eb="11">
      <t>テツヅキ</t>
    </rPh>
    <rPh sb="14" eb="15">
      <t>カリ</t>
    </rPh>
    <rPh sb="16" eb="17">
      <t>ミッ</t>
    </rPh>
    <rPh sb="19" eb="21">
      <t>ヨウケン</t>
    </rPh>
    <rPh sb="22" eb="23">
      <t>ミ</t>
    </rPh>
    <rPh sb="25" eb="27">
      <t>バアイ</t>
    </rPh>
    <rPh sb="30" eb="32">
      <t>イカ</t>
    </rPh>
    <rPh sb="33" eb="34">
      <t>テン</t>
    </rPh>
    <rPh sb="35" eb="37">
      <t>リュウイ</t>
    </rPh>
    <rPh sb="51" eb="53">
      <t>キンキュウ</t>
    </rPh>
    <rPh sb="56" eb="57">
      <t>エ</t>
    </rPh>
    <rPh sb="59" eb="61">
      <t>バアイ</t>
    </rPh>
    <rPh sb="63" eb="65">
      <t>ガイトウ</t>
    </rPh>
    <rPh sb="72" eb="74">
      <t>ハンダン</t>
    </rPh>
    <rPh sb="74" eb="76">
      <t>ハンダン</t>
    </rPh>
    <rPh sb="78" eb="80">
      <t>タントウ</t>
    </rPh>
    <rPh sb="85" eb="87">
      <t>コジン</t>
    </rPh>
    <rPh sb="91" eb="93">
      <t>スウメイ</t>
    </rPh>
    <rPh sb="96" eb="97">
      <t>オコナ</t>
    </rPh>
    <rPh sb="104" eb="106">
      <t>シセツ</t>
    </rPh>
    <rPh sb="106" eb="108">
      <t>ゼンタイ</t>
    </rPh>
    <rPh sb="112" eb="114">
      <t>ハンダン</t>
    </rPh>
    <rPh sb="115" eb="116">
      <t>オコナ</t>
    </rPh>
    <rPh sb="132" eb="134">
      <t>テツヅ</t>
    </rPh>
    <rPh sb="136" eb="137">
      <t>サダ</t>
    </rPh>
    <rPh sb="146" eb="148">
      <t>シセツ</t>
    </rPh>
    <rPh sb="148" eb="149">
      <t>ナイ</t>
    </rPh>
    <rPh sb="151" eb="153">
      <t>シンタイ</t>
    </rPh>
    <rPh sb="153" eb="155">
      <t>コウソク</t>
    </rPh>
    <rPh sb="155" eb="157">
      <t>ハイシ</t>
    </rPh>
    <rPh sb="157" eb="160">
      <t>イインカイ</t>
    </rPh>
    <rPh sb="165" eb="167">
      <t>ソシキ</t>
    </rPh>
    <rPh sb="171" eb="173">
      <t>ジゼン</t>
    </rPh>
    <rPh sb="174" eb="176">
      <t>テツヅ</t>
    </rPh>
    <rPh sb="177" eb="178">
      <t>トウ</t>
    </rPh>
    <rPh sb="179" eb="180">
      <t>サダ</t>
    </rPh>
    <rPh sb="182" eb="185">
      <t>グタイテキ</t>
    </rPh>
    <rPh sb="186" eb="188">
      <t>ジレイ</t>
    </rPh>
    <rPh sb="193" eb="196">
      <t>カンケイシャ</t>
    </rPh>
    <rPh sb="201" eb="203">
      <t>ハバヒロ</t>
    </rPh>
    <rPh sb="204" eb="206">
      <t>サンカ</t>
    </rPh>
    <rPh sb="216" eb="218">
      <t>ハンダン</t>
    </rPh>
    <rPh sb="220" eb="222">
      <t>タイセイ</t>
    </rPh>
    <rPh sb="223" eb="225">
      <t>ゲンソク</t>
    </rPh>
    <rPh sb="235" eb="238">
      <t>リヨウシャ</t>
    </rPh>
    <rPh sb="238" eb="240">
      <t>ホンニン</t>
    </rPh>
    <rPh sb="241" eb="243">
      <t>カゾク</t>
    </rPh>
    <rPh sb="244" eb="245">
      <t>タイ</t>
    </rPh>
    <rPh sb="248" eb="250">
      <t>シンタイ</t>
    </rPh>
    <rPh sb="250" eb="252">
      <t>コウソク</t>
    </rPh>
    <rPh sb="253" eb="255">
      <t>ナイヨウ</t>
    </rPh>
    <rPh sb="256" eb="258">
      <t>モクテキ</t>
    </rPh>
    <rPh sb="259" eb="261">
      <t>リユウ</t>
    </rPh>
    <rPh sb="262" eb="264">
      <t>コウソク</t>
    </rPh>
    <rPh sb="265" eb="267">
      <t>ジカン</t>
    </rPh>
    <rPh sb="268" eb="270">
      <t>ジカン</t>
    </rPh>
    <rPh sb="270" eb="271">
      <t>タイ</t>
    </rPh>
    <rPh sb="272" eb="274">
      <t>キカン</t>
    </rPh>
    <rPh sb="274" eb="275">
      <t>トウ</t>
    </rPh>
    <rPh sb="279" eb="280">
      <t>カギ</t>
    </rPh>
    <rPh sb="281" eb="283">
      <t>ショウサイ</t>
    </rPh>
    <rPh sb="292" eb="294">
      <t>ジュウブン</t>
    </rPh>
    <rPh sb="295" eb="297">
      <t>リカイ</t>
    </rPh>
    <rPh sb="298" eb="299">
      <t>エ</t>
    </rPh>
    <rPh sb="302" eb="303">
      <t>ツト</t>
    </rPh>
    <rPh sb="312" eb="313">
      <t>サイ</t>
    </rPh>
    <rPh sb="316" eb="318">
      <t>シセツ</t>
    </rPh>
    <rPh sb="318" eb="319">
      <t>チョウ</t>
    </rPh>
    <rPh sb="320" eb="322">
      <t>イシ</t>
    </rPh>
    <rPh sb="325" eb="326">
      <t>タ</t>
    </rPh>
    <rPh sb="326" eb="328">
      <t>ゲンバ</t>
    </rPh>
    <rPh sb="329" eb="332">
      <t>セキニンシャ</t>
    </rPh>
    <rPh sb="334" eb="336">
      <t>セツメイ</t>
    </rPh>
    <rPh sb="337" eb="338">
      <t>オコナ</t>
    </rPh>
    <rPh sb="342" eb="344">
      <t>セツメイ</t>
    </rPh>
    <rPh sb="344" eb="346">
      <t>テツヅ</t>
    </rPh>
    <rPh sb="348" eb="351">
      <t>セツメイシャ</t>
    </rPh>
    <rPh sb="355" eb="357">
      <t>ジゼン</t>
    </rPh>
    <rPh sb="374" eb="375">
      <t>カリ</t>
    </rPh>
    <rPh sb="377" eb="379">
      <t>ジゼン</t>
    </rPh>
    <rPh sb="380" eb="382">
      <t>シンタイ</t>
    </rPh>
    <rPh sb="382" eb="384">
      <t>コウソク</t>
    </rPh>
    <rPh sb="388" eb="390">
      <t>シセツ</t>
    </rPh>
    <rPh sb="394" eb="395">
      <t>カンガ</t>
    </rPh>
    <rPh sb="396" eb="397">
      <t>カタ</t>
    </rPh>
    <rPh sb="398" eb="401">
      <t>リヨウシャ</t>
    </rPh>
    <rPh sb="402" eb="404">
      <t>カゾク</t>
    </rPh>
    <rPh sb="405" eb="407">
      <t>セツメイ</t>
    </rPh>
    <rPh sb="409" eb="411">
      <t>リカイ</t>
    </rPh>
    <rPh sb="412" eb="413">
      <t>エ</t>
    </rPh>
    <rPh sb="416" eb="418">
      <t>バアイ</t>
    </rPh>
    <rPh sb="428" eb="430">
      <t>ジッサイ</t>
    </rPh>
    <rPh sb="431" eb="433">
      <t>シンタイ</t>
    </rPh>
    <rPh sb="433" eb="435">
      <t>コウソク</t>
    </rPh>
    <rPh sb="436" eb="437">
      <t>オコナ</t>
    </rPh>
    <rPh sb="438" eb="440">
      <t>ジテン</t>
    </rPh>
    <rPh sb="442" eb="443">
      <t>カナラ</t>
    </rPh>
    <rPh sb="444" eb="446">
      <t>コベツ</t>
    </rPh>
    <rPh sb="447" eb="449">
      <t>セツメイ</t>
    </rPh>
    <rPh sb="450" eb="451">
      <t>オコナ</t>
    </rPh>
    <phoneticPr fontId="1"/>
  </si>
  <si>
    <t>３　必要な職員の確保と職員処遇の充実</t>
    <rPh sb="2" eb="4">
      <t>ヒツヨウ</t>
    </rPh>
    <rPh sb="5" eb="7">
      <t>ショクイン</t>
    </rPh>
    <rPh sb="8" eb="10">
      <t>カクホ</t>
    </rPh>
    <rPh sb="11" eb="13">
      <t>ショクイン</t>
    </rPh>
    <rPh sb="13" eb="15">
      <t>ショグウ</t>
    </rPh>
    <rPh sb="16" eb="18">
      <t>ジュウジツ</t>
    </rPh>
    <phoneticPr fontId="1"/>
  </si>
  <si>
    <t>(1) 配置基準に基づく必要な職員が配置されているか。</t>
    <rPh sb="4" eb="6">
      <t>ハイチ</t>
    </rPh>
    <rPh sb="6" eb="8">
      <t>キジュン</t>
    </rPh>
    <rPh sb="9" eb="10">
      <t>モト</t>
    </rPh>
    <rPh sb="12" eb="14">
      <t>ヒツヨウ</t>
    </rPh>
    <rPh sb="15" eb="17">
      <t>ショクイン</t>
    </rPh>
    <rPh sb="18" eb="20">
      <t>ハイチ</t>
    </rPh>
    <phoneticPr fontId="1"/>
  </si>
  <si>
    <t>(1) 入所者に対し、職員数は適切であるか。</t>
    <rPh sb="4" eb="7">
      <t>ニュウショシャ</t>
    </rPh>
    <rPh sb="8" eb="9">
      <t>タイ</t>
    </rPh>
    <rPh sb="11" eb="13">
      <t>ショクイン</t>
    </rPh>
    <rPh sb="13" eb="14">
      <t>スウ</t>
    </rPh>
    <rPh sb="15" eb="17">
      <t>テキセツ</t>
    </rPh>
    <phoneticPr fontId="1"/>
  </si>
  <si>
    <t>(3) 専門職は必要な資格を有しているか。</t>
    <rPh sb="4" eb="6">
      <t>センモン</t>
    </rPh>
    <rPh sb="6" eb="7">
      <t>ショク</t>
    </rPh>
    <rPh sb="8" eb="10">
      <t>ヒツヨウ</t>
    </rPh>
    <rPh sb="11" eb="13">
      <t>シカク</t>
    </rPh>
    <rPh sb="14" eb="15">
      <t>ユウ</t>
    </rPh>
    <phoneticPr fontId="1"/>
  </si>
  <si>
    <t>(1) 施設長は常勤専従であるか。</t>
    <rPh sb="4" eb="6">
      <t>シセツ</t>
    </rPh>
    <rPh sb="6" eb="7">
      <t>チョウ</t>
    </rPh>
    <rPh sb="8" eb="10">
      <t>ジョウキン</t>
    </rPh>
    <rPh sb="10" eb="12">
      <t>センジュウ</t>
    </rPh>
    <phoneticPr fontId="1"/>
  </si>
  <si>
    <t>(3) 資格要件を満たしているか。</t>
    <rPh sb="4" eb="6">
      <t>シカク</t>
    </rPh>
    <rPh sb="6" eb="8">
      <t>ヨウケン</t>
    </rPh>
    <rPh sb="9" eb="10">
      <t>ミ</t>
    </rPh>
    <phoneticPr fontId="1"/>
  </si>
  <si>
    <t>(1) １人以上配置しているか。</t>
    <rPh sb="5" eb="6">
      <t>ニン</t>
    </rPh>
    <rPh sb="6" eb="8">
      <t>イジョウ</t>
    </rPh>
    <rPh sb="8" eb="10">
      <t>ハイチ</t>
    </rPh>
    <phoneticPr fontId="1"/>
  </si>
  <si>
    <t>変更時期・内容を記入。</t>
    <rPh sb="0" eb="2">
      <t>ヘンコウ</t>
    </rPh>
    <rPh sb="2" eb="4">
      <t>ジキ</t>
    </rPh>
    <rPh sb="5" eb="7">
      <t>ナイヨウ</t>
    </rPh>
    <rPh sb="8" eb="10">
      <t>キニュウ</t>
    </rPh>
    <phoneticPr fontId="1"/>
  </si>
  <si>
    <t>(1) 運営における重要事項について定めているか。</t>
    <rPh sb="4" eb="6">
      <t>ウンエイ</t>
    </rPh>
    <rPh sb="10" eb="12">
      <t>ジュウヨウ</t>
    </rPh>
    <rPh sb="12" eb="14">
      <t>ジコウ</t>
    </rPh>
    <rPh sb="18" eb="19">
      <t>サダ</t>
    </rPh>
    <phoneticPr fontId="1"/>
  </si>
  <si>
    <t>(4) 入所者の外出の機会を確保するよう努めているか。</t>
    <phoneticPr fontId="1"/>
  </si>
  <si>
    <t>(2) 職員に対する計画の周知、研修及び訓練を実施しているか。</t>
    <rPh sb="4" eb="6">
      <t>ショクイン</t>
    </rPh>
    <rPh sb="7" eb="8">
      <t>タイ</t>
    </rPh>
    <rPh sb="10" eb="12">
      <t>ケイカク</t>
    </rPh>
    <rPh sb="13" eb="15">
      <t>シュウチ</t>
    </rPh>
    <rPh sb="16" eb="18">
      <t>ケンシュウ</t>
    </rPh>
    <rPh sb="18" eb="19">
      <t>オヨ</t>
    </rPh>
    <rPh sb="20" eb="22">
      <t>クンレン</t>
    </rPh>
    <rPh sb="23" eb="25">
      <t>ジッシ</t>
    </rPh>
    <phoneticPr fontId="1"/>
  </si>
  <si>
    <t>(3) 計画の見直しを行っているか。</t>
    <rPh sb="4" eb="6">
      <t>ケイカク</t>
    </rPh>
    <rPh sb="7" eb="9">
      <t>ミナオ</t>
    </rPh>
    <rPh sb="11" eb="12">
      <t>オコナ</t>
    </rPh>
    <phoneticPr fontId="1"/>
  </si>
  <si>
    <t>(1) 入所定員を上回っていないか。</t>
    <rPh sb="4" eb="6">
      <t>ニュウショ</t>
    </rPh>
    <rPh sb="6" eb="8">
      <t>テイイン</t>
    </rPh>
    <rPh sb="9" eb="11">
      <t>ウワマワ</t>
    </rPh>
    <phoneticPr fontId="1"/>
  </si>
  <si>
    <t>　・感染症対策委員会の結果について、職員に周知しているか。</t>
    <rPh sb="2" eb="5">
      <t>カンセンショウ</t>
    </rPh>
    <rPh sb="5" eb="7">
      <t>タイサク</t>
    </rPh>
    <rPh sb="7" eb="10">
      <t>イインカイ</t>
    </rPh>
    <rPh sb="11" eb="13">
      <t>ケッカ</t>
    </rPh>
    <rPh sb="18" eb="20">
      <t>ショクイン</t>
    </rPh>
    <rPh sb="21" eb="23">
      <t>シュウチ</t>
    </rPh>
    <phoneticPr fontId="1"/>
  </si>
  <si>
    <t>　・感染症に係る業務継続計画を策定しているか。</t>
    <rPh sb="2" eb="5">
      <t>カンセンショウ</t>
    </rPh>
    <rPh sb="6" eb="7">
      <t>カカ</t>
    </rPh>
    <rPh sb="8" eb="10">
      <t>ギョウム</t>
    </rPh>
    <rPh sb="10" eb="14">
      <t>ケイゾクケイカク</t>
    </rPh>
    <rPh sb="15" eb="17">
      <t>サクテイ</t>
    </rPh>
    <phoneticPr fontId="1"/>
  </si>
  <si>
    <t>根拠法令等</t>
    <rPh sb="0" eb="2">
      <t>コンキョ</t>
    </rPh>
    <rPh sb="2" eb="4">
      <t>ホウレイ</t>
    </rPh>
    <rPh sb="4" eb="5">
      <t>トウ</t>
    </rPh>
    <phoneticPr fontId="1"/>
  </si>
  <si>
    <t>１　各確認項目について、右ページに示している根拠法令等を参考に自主点検を行い、その結果</t>
    <rPh sb="2" eb="3">
      <t>カク</t>
    </rPh>
    <rPh sb="3" eb="5">
      <t>カクニン</t>
    </rPh>
    <rPh sb="5" eb="7">
      <t>コウモク</t>
    </rPh>
    <rPh sb="26" eb="27">
      <t>トウ</t>
    </rPh>
    <phoneticPr fontId="1"/>
  </si>
  <si>
    <t>【感染症及び食中毒の予防及びまん延の防止のための研修】
・介護職員その他の職員に対する研修の内容は、感染対策の基礎的内容等の適切な知識を普及・啓発するとともに、当
　該施設における指針に基づいた衛生管理の徹底や衛生的なケアの励行を行うものとする。
・職員教育を組織的に浸透させていくためには、当該施設が指針に基づいた研修プログラムを作成し、定期的な教育（
　年2回以上）を開催するとともに、新規採用時には必ず感染対策研修を実施することが重要である。
・調理や清掃などの業務を委託する場合には、委託を受けて行う者に対しても、施設の指針が周知されるようにする必
　要がある。
・研修の実施内容についても記録することが必要である。
・研修の実施は、厚生労働省「介護施設・事業所の職員向け感染症対策力向上のための研修教材」等を活用するなど、
　施設内での研修で差し支えない。</t>
    <rPh sb="1" eb="4">
      <t>カンセンショウ</t>
    </rPh>
    <rPh sb="4" eb="5">
      <t>オヨ</t>
    </rPh>
    <rPh sb="6" eb="9">
      <t>ショクチュウドク</t>
    </rPh>
    <rPh sb="10" eb="12">
      <t>ヨボウ</t>
    </rPh>
    <rPh sb="12" eb="13">
      <t>オヨ</t>
    </rPh>
    <rPh sb="16" eb="17">
      <t>エン</t>
    </rPh>
    <rPh sb="18" eb="20">
      <t>ボウシ</t>
    </rPh>
    <rPh sb="24" eb="26">
      <t>ケンシュウ</t>
    </rPh>
    <phoneticPr fontId="1"/>
  </si>
  <si>
    <t>(1) 基準条例第２条に規定する基本方針に沿った施設運営を行っている</t>
    <rPh sb="4" eb="8">
      <t>キジュンジョウレイ</t>
    </rPh>
    <rPh sb="8" eb="9">
      <t>ダイ</t>
    </rPh>
    <rPh sb="10" eb="11">
      <t>ジョウ</t>
    </rPh>
    <rPh sb="12" eb="14">
      <t>キテイ</t>
    </rPh>
    <rPh sb="16" eb="18">
      <t>キホン</t>
    </rPh>
    <rPh sb="18" eb="20">
      <t>ホウシン</t>
    </rPh>
    <rPh sb="21" eb="22">
      <t>ソ</t>
    </rPh>
    <rPh sb="24" eb="26">
      <t>シセツ</t>
    </rPh>
    <rPh sb="26" eb="28">
      <t>ウンエイ</t>
    </rPh>
    <rPh sb="29" eb="30">
      <t>オコナ</t>
    </rPh>
    <phoneticPr fontId="1"/>
  </si>
  <si>
    <t>☑</t>
    <phoneticPr fontId="1"/>
  </si>
  <si>
    <t>☐</t>
  </si>
  <si>
    <t>☐</t>
    <phoneticPr fontId="1"/>
  </si>
  <si>
    <t>　変更内容は設備基準を満たしているか。</t>
    <rPh sb="1" eb="3">
      <t>ヘンコウ</t>
    </rPh>
    <rPh sb="3" eb="5">
      <t>ナイヨウ</t>
    </rPh>
    <rPh sb="6" eb="8">
      <t>セツビ</t>
    </rPh>
    <phoneticPr fontId="1"/>
  </si>
  <si>
    <t>(1) 生命又は身体を保護するため、緊急やむを得ない場合を除き、身体</t>
    <rPh sb="4" eb="6">
      <t>セイメイ</t>
    </rPh>
    <rPh sb="6" eb="7">
      <t>マタ</t>
    </rPh>
    <rPh sb="8" eb="10">
      <t>シンタイ</t>
    </rPh>
    <rPh sb="11" eb="13">
      <t>ホゴ</t>
    </rPh>
    <rPh sb="18" eb="20">
      <t>キンキュウ</t>
    </rPh>
    <rPh sb="23" eb="24">
      <t>エ</t>
    </rPh>
    <rPh sb="26" eb="28">
      <t>バアイ</t>
    </rPh>
    <rPh sb="29" eb="30">
      <t>ノゾ</t>
    </rPh>
    <phoneticPr fontId="1"/>
  </si>
  <si>
    <t>　間に提供しているか。</t>
    <phoneticPr fontId="1"/>
  </si>
  <si>
    <t>(1) 栄養並びに入所者の心身の状況及び嗜好を考慮した食事を適切な時</t>
    <rPh sb="4" eb="6">
      <t>エイヨウ</t>
    </rPh>
    <rPh sb="6" eb="7">
      <t>ナラ</t>
    </rPh>
    <rPh sb="9" eb="12">
      <t>ニュウショシャ</t>
    </rPh>
    <rPh sb="13" eb="15">
      <t>シンシン</t>
    </rPh>
    <rPh sb="16" eb="18">
      <t>ジョウキョウ</t>
    </rPh>
    <rPh sb="18" eb="19">
      <t>オヨ</t>
    </rPh>
    <rPh sb="20" eb="22">
      <t>シコウ</t>
    </rPh>
    <rPh sb="23" eb="25">
      <t>コウリョ</t>
    </rPh>
    <rPh sb="27" eb="29">
      <t>ショクジ</t>
    </rPh>
    <rPh sb="30" eb="31">
      <t>テキ</t>
    </rPh>
    <phoneticPr fontId="1"/>
  </si>
  <si>
    <t>(2) 入所者が可能な限り離床して食堂で食事を摂ることを支援している</t>
    <rPh sb="4" eb="7">
      <t>ニュウショシャ</t>
    </rPh>
    <rPh sb="8" eb="10">
      <t>カノウ</t>
    </rPh>
    <rPh sb="11" eb="12">
      <t>カギ</t>
    </rPh>
    <rPh sb="13" eb="15">
      <t>リショウ</t>
    </rPh>
    <rPh sb="17" eb="19">
      <t>ショクドウ</t>
    </rPh>
    <rPh sb="20" eb="22">
      <t>ショクジ</t>
    </rPh>
    <rPh sb="23" eb="24">
      <t>ト</t>
    </rPh>
    <rPh sb="28" eb="30">
      <t>シエン</t>
    </rPh>
    <phoneticPr fontId="1"/>
  </si>
  <si>
    <t>(1) 常に入所者の心身の状況、その置かれている環境等の的確な把握に</t>
    <rPh sb="4" eb="5">
      <t>ツネ</t>
    </rPh>
    <rPh sb="6" eb="9">
      <t>ニュウショシャ</t>
    </rPh>
    <rPh sb="10" eb="12">
      <t>シンシン</t>
    </rPh>
    <rPh sb="13" eb="15">
      <t>ジョウキョウ</t>
    </rPh>
    <rPh sb="18" eb="19">
      <t>オ</t>
    </rPh>
    <rPh sb="24" eb="26">
      <t>カンキョウ</t>
    </rPh>
    <rPh sb="26" eb="27">
      <t>トウ</t>
    </rPh>
    <rPh sb="28" eb="30">
      <t>テキカク</t>
    </rPh>
    <phoneticPr fontId="1"/>
  </si>
  <si>
    <t>　必要な助言その他の援助を行っているか。</t>
    <phoneticPr fontId="1"/>
  </si>
  <si>
    <t>　努め、入所者又はその家族に対し、その相談に適切に応じるとともに、</t>
    <phoneticPr fontId="1"/>
  </si>
  <si>
    <t>　て支援しているか。</t>
    <rPh sb="2" eb="4">
      <t>シエン</t>
    </rPh>
    <phoneticPr fontId="1"/>
  </si>
  <si>
    <t>(2) 入所者が日常生活を営むのに必要な行政機関等に対する手続につい</t>
    <rPh sb="4" eb="7">
      <t>ニュウショシャ</t>
    </rPh>
    <rPh sb="8" eb="10">
      <t>ニチジョウ</t>
    </rPh>
    <rPh sb="10" eb="12">
      <t>セイカツ</t>
    </rPh>
    <rPh sb="13" eb="14">
      <t>イトナ</t>
    </rPh>
    <rPh sb="17" eb="19">
      <t>ヒツヨウ</t>
    </rPh>
    <rPh sb="20" eb="22">
      <t>ギョウセイ</t>
    </rPh>
    <rPh sb="22" eb="24">
      <t>キカン</t>
    </rPh>
    <rPh sb="24" eb="25">
      <t>トウ</t>
    </rPh>
    <rPh sb="26" eb="27">
      <t>タイ</t>
    </rPh>
    <rPh sb="29" eb="31">
      <t>テツヅキ</t>
    </rPh>
    <phoneticPr fontId="1"/>
  </si>
  <si>
    <t>　機会を確保するよう努めているか。</t>
    <phoneticPr fontId="1"/>
  </si>
  <si>
    <t>(3) 常に入所者の家族との連携を図り、入所者とその家族との交流等の</t>
    <phoneticPr fontId="1"/>
  </si>
  <si>
    <t>　ることの防止に向けた方針の明確化等の措置を講じているか。</t>
    <phoneticPr fontId="1"/>
  </si>
  <si>
    <t>(2) 退職者を含む職員が入所者の秘密を保持することを誓約しているか。</t>
    <rPh sb="4" eb="6">
      <t>タイショク</t>
    </rPh>
    <rPh sb="6" eb="7">
      <t>シャ</t>
    </rPh>
    <rPh sb="8" eb="9">
      <t>フク</t>
    </rPh>
    <rPh sb="10" eb="12">
      <t>ショクイン</t>
    </rPh>
    <rPh sb="13" eb="16">
      <t>ニュウショシャ</t>
    </rPh>
    <rPh sb="17" eb="19">
      <t>ヒミツ</t>
    </rPh>
    <rPh sb="20" eb="22">
      <t>ホジ</t>
    </rPh>
    <rPh sb="27" eb="29">
      <t>セイヤク</t>
    </rPh>
    <phoneticPr fontId="1"/>
  </si>
  <si>
    <t>　の交流を図っているか。</t>
    <rPh sb="2" eb="4">
      <t>コウリュウ</t>
    </rPh>
    <rPh sb="5" eb="6">
      <t>ハカ</t>
    </rPh>
    <phoneticPr fontId="1"/>
  </si>
  <si>
    <t>(1) 地域住民やボランティア団体等との連携、協力を行うなど、地域と</t>
    <rPh sb="4" eb="6">
      <t>チイキ</t>
    </rPh>
    <rPh sb="6" eb="8">
      <t>ジュウミン</t>
    </rPh>
    <rPh sb="15" eb="17">
      <t>ダンタイ</t>
    </rPh>
    <rPh sb="17" eb="18">
      <t>トウ</t>
    </rPh>
    <rPh sb="20" eb="22">
      <t>レンケイ</t>
    </rPh>
    <rPh sb="23" eb="25">
      <t>キョウリョク</t>
    </rPh>
    <rPh sb="26" eb="27">
      <t>オコナ</t>
    </rPh>
    <phoneticPr fontId="1"/>
  </si>
  <si>
    <t>　るよう努めているか。</t>
    <phoneticPr fontId="1"/>
  </si>
  <si>
    <t>(2) 介護サービス相談員を積極的に受け入れるなど、市の事業に協力す</t>
    <rPh sb="4" eb="6">
      <t>カイゴ</t>
    </rPh>
    <rPh sb="10" eb="13">
      <t>ソウダンイン</t>
    </rPh>
    <rPh sb="14" eb="17">
      <t>セッキョクテキ</t>
    </rPh>
    <rPh sb="18" eb="19">
      <t>ウ</t>
    </rPh>
    <rPh sb="20" eb="21">
      <t>イ</t>
    </rPh>
    <rPh sb="26" eb="27">
      <t>シ</t>
    </rPh>
    <rPh sb="28" eb="30">
      <t>ジギョウ</t>
    </rPh>
    <phoneticPr fontId="1"/>
  </si>
  <si>
    <t>　・非常災害に係る業務継続計画について、研修を定期的に実施してい</t>
    <rPh sb="2" eb="4">
      <t>ヒジョウ</t>
    </rPh>
    <rPh sb="4" eb="6">
      <t>サイガイ</t>
    </rPh>
    <rPh sb="7" eb="8">
      <t>カカ</t>
    </rPh>
    <rPh sb="9" eb="11">
      <t>ギョウム</t>
    </rPh>
    <rPh sb="11" eb="15">
      <t>ケイゾクケイカク</t>
    </rPh>
    <rPh sb="20" eb="22">
      <t>ケンシュウ</t>
    </rPh>
    <rPh sb="23" eb="26">
      <t>テイキテキ</t>
    </rPh>
    <rPh sb="27" eb="29">
      <t>ジッシ</t>
    </rPh>
    <phoneticPr fontId="1"/>
  </si>
  <si>
    <t>　・非常災害に係る業務継続計画について、訓練を定期的に実施してい</t>
    <rPh sb="2" eb="4">
      <t>ヒジョウ</t>
    </rPh>
    <rPh sb="4" eb="6">
      <t>サイガイ</t>
    </rPh>
    <rPh sb="7" eb="8">
      <t>カカ</t>
    </rPh>
    <rPh sb="9" eb="11">
      <t>ギョウム</t>
    </rPh>
    <rPh sb="11" eb="15">
      <t>ケイゾクケイカク</t>
    </rPh>
    <rPh sb="20" eb="22">
      <t>クンレン</t>
    </rPh>
    <rPh sb="23" eb="26">
      <t>テイキテキ</t>
    </rPh>
    <rPh sb="27" eb="29">
      <t>ジッシ</t>
    </rPh>
    <phoneticPr fontId="1"/>
  </si>
  <si>
    <t>　　いるか。</t>
    <phoneticPr fontId="1"/>
  </si>
  <si>
    <t>　れているか。</t>
    <phoneticPr fontId="1"/>
  </si>
  <si>
    <t>　・感染症及び食中毒の予防及びまん延の防止のための指針を整備して</t>
    <rPh sb="2" eb="5">
      <t>カンセンショウ</t>
    </rPh>
    <rPh sb="5" eb="6">
      <t>オヨ</t>
    </rPh>
    <rPh sb="7" eb="10">
      <t>ショクチュウドク</t>
    </rPh>
    <rPh sb="11" eb="13">
      <t>ヨボウ</t>
    </rPh>
    <rPh sb="13" eb="14">
      <t>オヨ</t>
    </rPh>
    <rPh sb="17" eb="18">
      <t>エン</t>
    </rPh>
    <rPh sb="19" eb="21">
      <t>ボウシ</t>
    </rPh>
    <rPh sb="25" eb="27">
      <t>シシン</t>
    </rPh>
    <rPh sb="28" eb="29">
      <t>ヒトシ</t>
    </rPh>
    <phoneticPr fontId="1"/>
  </si>
  <si>
    <t>　　実施しているか。（年２回以上）</t>
    <rPh sb="3" eb="4">
      <t>ホドコ</t>
    </rPh>
    <rPh sb="11" eb="12">
      <t>ネン</t>
    </rPh>
    <rPh sb="13" eb="14">
      <t>カイ</t>
    </rPh>
    <rPh sb="14" eb="16">
      <t>イジョウ</t>
    </rPh>
    <phoneticPr fontId="1"/>
  </si>
  <si>
    <t>　・感染症及び食中毒の予防及びまん延の防止のための研修を定期的に</t>
    <rPh sb="2" eb="5">
      <t>カンセンショウ</t>
    </rPh>
    <rPh sb="5" eb="6">
      <t>オヨ</t>
    </rPh>
    <rPh sb="7" eb="10">
      <t>ショクチュウドク</t>
    </rPh>
    <rPh sb="11" eb="13">
      <t>ヨボウ</t>
    </rPh>
    <rPh sb="13" eb="14">
      <t>オヨ</t>
    </rPh>
    <rPh sb="17" eb="18">
      <t>エン</t>
    </rPh>
    <rPh sb="19" eb="21">
      <t>ボウシ</t>
    </rPh>
    <rPh sb="25" eb="27">
      <t>ケンシュウ</t>
    </rPh>
    <rPh sb="28" eb="29">
      <t>サダム</t>
    </rPh>
    <phoneticPr fontId="1"/>
  </si>
  <si>
    <t>　・感染症の予防及びまん延の防止のための訓練を定期的に実施してい</t>
    <rPh sb="2" eb="5">
      <t>カンセンショウ</t>
    </rPh>
    <rPh sb="6" eb="8">
      <t>ヨボウ</t>
    </rPh>
    <rPh sb="8" eb="9">
      <t>オヨ</t>
    </rPh>
    <rPh sb="12" eb="13">
      <t>エン</t>
    </rPh>
    <rPh sb="14" eb="16">
      <t>ボウシ</t>
    </rPh>
    <rPh sb="20" eb="22">
      <t>クンレン</t>
    </rPh>
    <rPh sb="23" eb="26">
      <t>テイキテキ</t>
    </rPh>
    <rPh sb="27" eb="29">
      <t>ジッシ</t>
    </rPh>
    <phoneticPr fontId="1"/>
  </si>
  <si>
    <t>　・感染症に係る業務継続計画について、研修を定期的に実施している</t>
    <rPh sb="2" eb="5">
      <t>カンセンショウ</t>
    </rPh>
    <rPh sb="6" eb="7">
      <t>カカ</t>
    </rPh>
    <rPh sb="8" eb="10">
      <t>ギョウム</t>
    </rPh>
    <rPh sb="10" eb="14">
      <t>ケイゾクケイカク</t>
    </rPh>
    <rPh sb="19" eb="21">
      <t>ケンシュウ</t>
    </rPh>
    <rPh sb="22" eb="25">
      <t>テイキテキ</t>
    </rPh>
    <rPh sb="26" eb="28">
      <t>ジッシ</t>
    </rPh>
    <phoneticPr fontId="1"/>
  </si>
  <si>
    <t>　・感染症に係る業務継続計画について、訓練を定期的に開催している</t>
    <rPh sb="2" eb="5">
      <t>カンセンショウ</t>
    </rPh>
    <rPh sb="6" eb="7">
      <t>カカ</t>
    </rPh>
    <rPh sb="8" eb="10">
      <t>ギョウム</t>
    </rPh>
    <rPh sb="10" eb="14">
      <t>ケイゾクケイカク</t>
    </rPh>
    <rPh sb="19" eb="21">
      <t>クンレン</t>
    </rPh>
    <rPh sb="22" eb="25">
      <t>テイキテキ</t>
    </rPh>
    <rPh sb="26" eb="28">
      <t>カイサイ</t>
    </rPh>
    <phoneticPr fontId="1"/>
  </si>
  <si>
    <t>　・感染症発生時に必要な感染防護具、消毒液その他の物資を備蓄して</t>
    <rPh sb="2" eb="5">
      <t>カンセンショウ</t>
    </rPh>
    <rPh sb="5" eb="7">
      <t>ハッセイ</t>
    </rPh>
    <rPh sb="7" eb="8">
      <t>ジ</t>
    </rPh>
    <rPh sb="9" eb="11">
      <t>ヒツヨウ</t>
    </rPh>
    <rPh sb="12" eb="14">
      <t>カンセン</t>
    </rPh>
    <rPh sb="14" eb="16">
      <t>ボウゴ</t>
    </rPh>
    <rPh sb="16" eb="17">
      <t>グ</t>
    </rPh>
    <rPh sb="18" eb="20">
      <t>ショウドク</t>
    </rPh>
    <rPh sb="20" eb="21">
      <t>エキ</t>
    </rPh>
    <rPh sb="23" eb="24">
      <t>タ</t>
    </rPh>
    <rPh sb="25" eb="27">
      <t>ブッシ</t>
    </rPh>
    <rPh sb="28" eb="29">
      <t>ビ</t>
    </rPh>
    <phoneticPr fontId="1"/>
  </si>
  <si>
    <t>(1) 虐待の未然防止や早期発見に努めているか。また、虐待防止に向け</t>
    <rPh sb="4" eb="6">
      <t>ギャクタイ</t>
    </rPh>
    <rPh sb="7" eb="9">
      <t>ミゼン</t>
    </rPh>
    <rPh sb="9" eb="11">
      <t>ボウシ</t>
    </rPh>
    <rPh sb="12" eb="14">
      <t>ソウキ</t>
    </rPh>
    <rPh sb="14" eb="16">
      <t>ハッケン</t>
    </rPh>
    <rPh sb="17" eb="18">
      <t>ツト</t>
    </rPh>
    <rPh sb="27" eb="29">
      <t>ギャクタイ</t>
    </rPh>
    <rPh sb="29" eb="31">
      <t>ボウシ</t>
    </rPh>
    <phoneticPr fontId="1"/>
  </si>
  <si>
    <t>【緊急やむを得ない場合】
　以下の三つの要件をすべて満たす状態であることを「身体拘束廃止委員会」等のチームで検討、確認し記録してお
　く。
　①切迫性　　利用者本人または他の利用者等の生命または身体が危険にさらされる可能性が著しく高いこと
　②非代替性　身体拘束その他の行動制限を行う以外に代替する介護方法がないこと
　③一時性　　身体拘束その他の行動制限が一時的なものであること</t>
    <rPh sb="1" eb="3">
      <t>キンキュウ</t>
    </rPh>
    <rPh sb="6" eb="7">
      <t>エ</t>
    </rPh>
    <rPh sb="9" eb="11">
      <t>バアイ</t>
    </rPh>
    <rPh sb="14" eb="16">
      <t>イカ</t>
    </rPh>
    <rPh sb="17" eb="18">
      <t>ミッ</t>
    </rPh>
    <rPh sb="20" eb="22">
      <t>ヨウケン</t>
    </rPh>
    <rPh sb="26" eb="27">
      <t>ミ</t>
    </rPh>
    <rPh sb="29" eb="31">
      <t>ジョウタイ</t>
    </rPh>
    <rPh sb="38" eb="40">
      <t>シンタイ</t>
    </rPh>
    <rPh sb="40" eb="42">
      <t>コウソク</t>
    </rPh>
    <rPh sb="42" eb="44">
      <t>ハイシ</t>
    </rPh>
    <rPh sb="44" eb="47">
      <t>イインカイ</t>
    </rPh>
    <rPh sb="48" eb="49">
      <t>トウ</t>
    </rPh>
    <rPh sb="54" eb="56">
      <t>ケントウ</t>
    </rPh>
    <rPh sb="57" eb="59">
      <t>カクニン</t>
    </rPh>
    <rPh sb="60" eb="62">
      <t>キロク</t>
    </rPh>
    <rPh sb="72" eb="75">
      <t>セッパクセイ</t>
    </rPh>
    <rPh sb="77" eb="79">
      <t>リヨウ</t>
    </rPh>
    <rPh sb="79" eb="80">
      <t>シャ</t>
    </rPh>
    <rPh sb="80" eb="82">
      <t>ホンニン</t>
    </rPh>
    <rPh sb="85" eb="86">
      <t>タ</t>
    </rPh>
    <rPh sb="87" eb="90">
      <t>リヨウシャ</t>
    </rPh>
    <rPh sb="90" eb="91">
      <t>トウ</t>
    </rPh>
    <rPh sb="92" eb="94">
      <t>セイメイ</t>
    </rPh>
    <rPh sb="97" eb="99">
      <t>シンタイ</t>
    </rPh>
    <rPh sb="100" eb="102">
      <t>キケン</t>
    </rPh>
    <rPh sb="108" eb="111">
      <t>カノウセイ</t>
    </rPh>
    <rPh sb="112" eb="113">
      <t>イチジル</t>
    </rPh>
    <rPh sb="115" eb="116">
      <t>タカ</t>
    </rPh>
    <rPh sb="122" eb="123">
      <t>ヒ</t>
    </rPh>
    <rPh sb="123" eb="126">
      <t>ダイタイセイ</t>
    </rPh>
    <rPh sb="127" eb="129">
      <t>シンタイ</t>
    </rPh>
    <rPh sb="129" eb="131">
      <t>コウソク</t>
    </rPh>
    <rPh sb="133" eb="134">
      <t>タ</t>
    </rPh>
    <rPh sb="135" eb="137">
      <t>コウドウ</t>
    </rPh>
    <rPh sb="137" eb="139">
      <t>セイゲン</t>
    </rPh>
    <rPh sb="140" eb="141">
      <t>オコナ</t>
    </rPh>
    <rPh sb="142" eb="144">
      <t>イガイ</t>
    </rPh>
    <rPh sb="145" eb="147">
      <t>ダイタイ</t>
    </rPh>
    <rPh sb="149" eb="151">
      <t>カイゴ</t>
    </rPh>
    <rPh sb="151" eb="153">
      <t>ホウホウ</t>
    </rPh>
    <rPh sb="161" eb="164">
      <t>イチジセイ</t>
    </rPh>
    <rPh sb="166" eb="168">
      <t>シンタイ</t>
    </rPh>
    <rPh sb="168" eb="170">
      <t>コウソク</t>
    </rPh>
    <rPh sb="172" eb="173">
      <t>タ</t>
    </rPh>
    <rPh sb="174" eb="176">
      <t>コウドウ</t>
    </rPh>
    <rPh sb="176" eb="178">
      <t>セイゲン</t>
    </rPh>
    <rPh sb="179" eb="182">
      <t>イチジテキ</t>
    </rPh>
    <phoneticPr fontId="1"/>
  </si>
  <si>
    <t>【目次】</t>
    <rPh sb="1" eb="3">
      <t>モクジ</t>
    </rPh>
    <phoneticPr fontId="1"/>
  </si>
  <si>
    <t>Ⅰ　基本方針</t>
    <rPh sb="2" eb="4">
      <t>キホン</t>
    </rPh>
    <rPh sb="4" eb="6">
      <t>ホウシン</t>
    </rPh>
    <phoneticPr fontId="1"/>
  </si>
  <si>
    <t>Ⅱ　人員に関する事項</t>
    <rPh sb="2" eb="4">
      <t>ジンイン</t>
    </rPh>
    <rPh sb="5" eb="6">
      <t>カン</t>
    </rPh>
    <rPh sb="8" eb="10">
      <t>ジコウ</t>
    </rPh>
    <phoneticPr fontId="1"/>
  </si>
  <si>
    <t>Ⅴ　重点事項</t>
    <rPh sb="2" eb="4">
      <t>ジュウテン</t>
    </rPh>
    <rPh sb="4" eb="6">
      <t>ジコウ</t>
    </rPh>
    <phoneticPr fontId="1"/>
  </si>
  <si>
    <t>Ⅴ　重点事項</t>
    <rPh sb="2" eb="4">
      <t>ジュウテン</t>
    </rPh>
    <rPh sb="4" eb="6">
      <t>ジコウ</t>
    </rPh>
    <phoneticPr fontId="1"/>
  </si>
  <si>
    <t>５　根拠法令等については、必要に応じ加筆修正の上、部分的に抜粋しています。</t>
    <rPh sb="2" eb="4">
      <t>コンキョ</t>
    </rPh>
    <rPh sb="4" eb="6">
      <t>ホウレイ</t>
    </rPh>
    <rPh sb="6" eb="7">
      <t>トウ</t>
    </rPh>
    <rPh sb="13" eb="15">
      <t>ヒツヨウ</t>
    </rPh>
    <rPh sb="16" eb="17">
      <t>オウ</t>
    </rPh>
    <rPh sb="18" eb="20">
      <t>カヒツ</t>
    </rPh>
    <rPh sb="20" eb="22">
      <t>シュウセイ</t>
    </rPh>
    <rPh sb="23" eb="24">
      <t>ウエ</t>
    </rPh>
    <rPh sb="25" eb="27">
      <t>ブブン</t>
    </rPh>
    <rPh sb="27" eb="28">
      <t>テキ</t>
    </rPh>
    <rPh sb="29" eb="31">
      <t>バッスイ</t>
    </rPh>
    <phoneticPr fontId="1"/>
  </si>
  <si>
    <t>　１　基本方針　…………………………………………………………………　３</t>
    <rPh sb="3" eb="5">
      <t>キホン</t>
    </rPh>
    <rPh sb="5" eb="7">
      <t>ホウシン</t>
    </rPh>
    <phoneticPr fontId="1"/>
  </si>
  <si>
    <t>　１　職員の配置　………………………………………………………………　５</t>
    <rPh sb="3" eb="5">
      <t>ショクイン</t>
    </rPh>
    <rPh sb="6" eb="8">
      <t>ハイチ</t>
    </rPh>
    <phoneticPr fontId="1"/>
  </si>
  <si>
    <t>　１　設備　………………………………………………………………………１３</t>
    <rPh sb="3" eb="5">
      <t>セツビ</t>
    </rPh>
    <phoneticPr fontId="1"/>
  </si>
  <si>
    <t>　（Ⅱ（pp.5-12）において確認）</t>
    <rPh sb="16" eb="18">
      <t>カクニン</t>
    </rPh>
    <phoneticPr fontId="1"/>
  </si>
  <si>
    <t>施設所在地</t>
    <rPh sb="0" eb="2">
      <t>シセツ</t>
    </rPh>
    <rPh sb="2" eb="5">
      <t>ショザイチ</t>
    </rPh>
    <phoneticPr fontId="1"/>
  </si>
  <si>
    <t>法人所在地</t>
    <rPh sb="0" eb="2">
      <t>ホウジン</t>
    </rPh>
    <rPh sb="2" eb="5">
      <t>ショザイチ</t>
    </rPh>
    <phoneticPr fontId="1"/>
  </si>
  <si>
    <t>〒</t>
    <phoneticPr fontId="1"/>
  </si>
  <si>
    <t>　を個別に作成しているか。</t>
    <phoneticPr fontId="1"/>
  </si>
  <si>
    <t>(1) 災害の種類や立地条件に応じた具体的な計画（非常災害対策計画）</t>
    <rPh sb="4" eb="6">
      <t>サイガイ</t>
    </rPh>
    <rPh sb="7" eb="9">
      <t>シュルイ</t>
    </rPh>
    <rPh sb="10" eb="12">
      <t>リッチ</t>
    </rPh>
    <rPh sb="12" eb="14">
      <t>ジョウケン</t>
    </rPh>
    <rPh sb="15" eb="16">
      <t>オウ</t>
    </rPh>
    <rPh sb="18" eb="21">
      <t>グタイテキ</t>
    </rPh>
    <rPh sb="22" eb="24">
      <t>ケイカク</t>
    </rPh>
    <rPh sb="25" eb="27">
      <t>ヒジョウ</t>
    </rPh>
    <rPh sb="27" eb="29">
      <t>サイガイ</t>
    </rPh>
    <rPh sb="29" eb="31">
      <t>タイサク</t>
    </rPh>
    <rPh sb="31" eb="33">
      <t>ケイカク</t>
    </rPh>
    <phoneticPr fontId="1"/>
  </si>
  <si>
    <t>　※エクセルの場合、ドロップダウンリストで選択できます。</t>
    <phoneticPr fontId="1"/>
  </si>
  <si>
    <t>理事長氏名</t>
    <rPh sb="0" eb="3">
      <t>リジチョウ</t>
    </rPh>
    <rPh sb="3" eb="5">
      <t>シメイ</t>
    </rPh>
    <phoneticPr fontId="1"/>
  </si>
  <si>
    <t>施設長氏名</t>
    <rPh sb="0" eb="2">
      <t>シセツ</t>
    </rPh>
    <rPh sb="2" eb="3">
      <t>チョウ</t>
    </rPh>
    <rPh sb="3" eb="5">
      <t>シメイ</t>
    </rPh>
    <phoneticPr fontId="1"/>
  </si>
  <si>
    <t>３　監査当日は、各確認項目について、確認文書欄記載の文書で確認しますので、ご用意をお願</t>
    <rPh sb="2" eb="4">
      <t>カンサ</t>
    </rPh>
    <rPh sb="4" eb="6">
      <t>トウジツ</t>
    </rPh>
    <rPh sb="8" eb="9">
      <t>カク</t>
    </rPh>
    <rPh sb="9" eb="11">
      <t>カクニン</t>
    </rPh>
    <rPh sb="11" eb="13">
      <t>コウモク</t>
    </rPh>
    <rPh sb="18" eb="20">
      <t>カクニン</t>
    </rPh>
    <rPh sb="20" eb="22">
      <t>ブンショ</t>
    </rPh>
    <rPh sb="22" eb="23">
      <t>ラン</t>
    </rPh>
    <rPh sb="23" eb="25">
      <t>キサイ</t>
    </rPh>
    <rPh sb="26" eb="28">
      <t>ブンショ</t>
    </rPh>
    <rPh sb="29" eb="31">
      <t>カクニン</t>
    </rPh>
    <rPh sb="38" eb="40">
      <t>ヨウイ</t>
    </rPh>
    <rPh sb="42" eb="43">
      <t>ネガイ</t>
    </rPh>
    <phoneticPr fontId="1"/>
  </si>
  <si>
    <t>　いします。※必要に応じ、確認項目・確認文書にないものについて確認する場合があります。</t>
    <phoneticPr fontId="1"/>
  </si>
  <si>
    <t>(2) 他の職務を兼務している場合、兼務体制は適切であるか。</t>
    <phoneticPr fontId="1"/>
  </si>
  <si>
    <t>　（研修、訓練ともに年２回以上）</t>
    <rPh sb="2" eb="4">
      <t>ケンシュウ</t>
    </rPh>
    <rPh sb="5" eb="7">
      <t>クンレン</t>
    </rPh>
    <rPh sb="10" eb="11">
      <t>ネン</t>
    </rPh>
    <rPh sb="12" eb="13">
      <t>カイ</t>
    </rPh>
    <rPh sb="13" eb="15">
      <t>イジョウ</t>
    </rPh>
    <phoneticPr fontId="1"/>
  </si>
  <si>
    <t>□前年度の施設入所者等</t>
    <rPh sb="1" eb="4">
      <t>ゼンネンド</t>
    </rPh>
    <rPh sb="5" eb="7">
      <t>シセツ</t>
    </rPh>
    <rPh sb="7" eb="10">
      <t>ニュウショシャ</t>
    </rPh>
    <rPh sb="10" eb="11">
      <t>トウ</t>
    </rPh>
    <phoneticPr fontId="1"/>
  </si>
  <si>
    <t>　の状況</t>
    <rPh sb="2" eb="4">
      <t>ジョウキョウ</t>
    </rPh>
    <phoneticPr fontId="1"/>
  </si>
  <si>
    <t>　っているか。（研修は年２回以上）</t>
    <rPh sb="8" eb="10">
      <t>ケンシュウ</t>
    </rPh>
    <rPh sb="11" eb="12">
      <t>ネン</t>
    </rPh>
    <rPh sb="13" eb="16">
      <t>カイイジョウ</t>
    </rPh>
    <phoneticPr fontId="1"/>
  </si>
  <si>
    <t>第15条の3 第十五条第一項の規定により市町村地域防災計画にその名称及び所在地を定められた要配慮者利用施設の所
　有者又は管理者は、国土交通省令で定めるところにより、当該要配慮者利用施設の利用者の洪水時等の円滑かつ迅速
　な避難の確保を図るために必要な訓練その他の措置に関する計画を作成しなければならない。
2 前項の要配慮者利用施設の所有者又は管理者は、同項の規定による計画を作成したときは、遅滞なく、これを市町村
　長に報告しなければならない。これを変更したときも、同様とする。
5 第一項の要配慮者利用施設の所有者又は管理者は、同項に規定する計画で定めるところにより、同項の要配慮者利用
　施設の利用者の洪水時等の円滑かつ迅速な避難の確保のための訓練を行うとともに、その結果を市町村長に報告しな
　ければならない。</t>
    <phoneticPr fontId="1"/>
  </si>
  <si>
    <t>◎水防法（昭和24年法律第193号）
第15条　市町村防災会議は、第十四条第一項若しくは第二項の規定による洪水浸水想定区域の指定、第十四条の二第一
　項若しくは第二項の規定による雨水出水浸水想定区域の指定又は前条第一項の規定による高潮浸水想定区域の指定が
　あつたときは、市町村地域防災計画において、少なくとも当該洪水浸水想定区域、雨水出水浸水想定区域又は高潮浸
　水想定区域ごとに、次に掲げる事項について定めるものとする。
　四　浸水想定区域（洪水浸水想定区域、雨水出水浸水想定区域又は高潮浸水想定区域をいう。）内に次に掲げる施設
　　がある場合にあつては、これらの施設の名称及び所在地
　　ロ　要配慮者利用施設（社会福祉施設、学校、医療施設その他の主として防災上の配慮を要する者が利用する施設
　　　をいう。）でその利用者の洪水時等の円滑かつ迅速な避難の確保を図る必要があると認められるもの</t>
    <phoneticPr fontId="1"/>
  </si>
  <si>
    <t>◎土砂災害警戒区域等における土砂災害防止対策の推進に関する法律（平成12年法律第57号）
第7条 都道府県知事は、基本指針に基づき、急傾斜地の崩壊等が発生した場合には住民等の生命又は身体に危害が生ず
　るおそれがあると認められる土地の区域で、当該区域における土砂災害を防止するために警戒避難体制を特に整備す
　べき土地の区域として政令で定める基準に該当するものを、土砂災害警戒区域（以下「警戒区域」という。）として
　指定することができる。
第8条 市町村防災会議は、前条第一項の規定による警戒区域の指定があったときは、市町村地域防災計画において、当
　該警戒区域ごとに、次に掲げる事項について定めるものとする。
　四　警戒区域内に、要配慮者利用施設（社会福祉施設、学校、医療施設その他の主として防災上の配慮を要する者が
　　利用する施設をいう。）であって、急傾斜地の崩壊等が発生するおそれがある場合における当該要配慮者利用施設
　　を利用している者の円滑かつ迅速な避難を確保する必要があると認められるものがある場合にあっては、当該要配
　　慮者利用施設の名称及び所在地</t>
    <phoneticPr fontId="1"/>
  </si>
  <si>
    <t>第8条の2　前条第一項の規定により市町村地域防災計画にその名称及び所在地を定められた要配慮者利用施設の所有者
　又は管理者は、国土交通省令で定めるところにより、急傾斜地の崩壊等が発生するおそれがある場合における当該要
　配慮者利用施設を利用している者の円滑かつ迅速な避難の確保を図るために必要な訓練その他の措置に関する計画を
　作成しなければならない。
2 前項の要配慮者利用施設の所有者又は管理者は、同項の規定による計画を作成したときは、遅滞なく、これを市町村
　長に報告しなければならない。これを変更したときも、同様とする。
5 第一項の要配慮者利用施設の所有者又は管理者は、同項に規定する計画で定めるところにより、急傾斜地の崩壊等が
　発生するおそれがある場合における同項の要配慮者利用施設を利用している者の円滑かつ迅速な避難の確保のための
　訓練を行うとともに、その結果を市町村長に報告しなければならない。</t>
    <phoneticPr fontId="1"/>
  </si>
  <si>
    <t>１　勤務体制一覧表（様式あり）</t>
    <rPh sb="2" eb="4">
      <t>キンム</t>
    </rPh>
    <rPh sb="4" eb="6">
      <t>タイセイ</t>
    </rPh>
    <rPh sb="6" eb="9">
      <t>イチランヒョウ</t>
    </rPh>
    <rPh sb="10" eb="12">
      <t>ヨウシキ</t>
    </rPh>
    <phoneticPr fontId="1"/>
  </si>
  <si>
    <t>　（年２回以上）</t>
    <rPh sb="2" eb="3">
      <t>ネン</t>
    </rPh>
    <rPh sb="4" eb="5">
      <t>カイ</t>
    </rPh>
    <rPh sb="5" eb="7">
      <t>イジョウ</t>
    </rPh>
    <phoneticPr fontId="1"/>
  </si>
  <si>
    <t>４　重要事項説明書</t>
    <rPh sb="2" eb="9">
      <t>ジュウヨウジコウセツメイショ</t>
    </rPh>
    <phoneticPr fontId="1"/>
  </si>
  <si>
    <t>５　入所者一覧表（様式あり。既存資料での代替可。）</t>
    <rPh sb="2" eb="5">
      <t>ニュウショシャ</t>
    </rPh>
    <rPh sb="5" eb="7">
      <t>イチラン</t>
    </rPh>
    <rPh sb="7" eb="8">
      <t>ヒョウ</t>
    </rPh>
    <rPh sb="9" eb="11">
      <t>ヨウシキ</t>
    </rPh>
    <rPh sb="14" eb="16">
      <t>キゾン</t>
    </rPh>
    <rPh sb="16" eb="18">
      <t>シリョウ</t>
    </rPh>
    <rPh sb="20" eb="22">
      <t>ダイタイ</t>
    </rPh>
    <rPh sb="22" eb="23">
      <t>カ</t>
    </rPh>
    <phoneticPr fontId="1"/>
  </si>
  <si>
    <t>６　前年度の施設入所者等の状況（様式あり。既存資料での代替可。）</t>
    <rPh sb="2" eb="5">
      <t>ゼンネンド</t>
    </rPh>
    <rPh sb="6" eb="8">
      <t>シセツ</t>
    </rPh>
    <rPh sb="8" eb="11">
      <t>ニュウショシャ</t>
    </rPh>
    <rPh sb="11" eb="12">
      <t>トウ</t>
    </rPh>
    <rPh sb="13" eb="15">
      <t>ジョウキョウ</t>
    </rPh>
    <rPh sb="16" eb="18">
      <t>ヨウシキ</t>
    </rPh>
    <rPh sb="21" eb="23">
      <t>キゾン</t>
    </rPh>
    <rPh sb="23" eb="25">
      <t>シリョウ</t>
    </rPh>
    <rPh sb="27" eb="29">
      <t>ダイタイ</t>
    </rPh>
    <rPh sb="29" eb="30">
      <t>カ</t>
    </rPh>
    <phoneticPr fontId="1"/>
  </si>
  <si>
    <t>【提出先】</t>
    <rPh sb="1" eb="3">
      <t>テイシュツ</t>
    </rPh>
    <rPh sb="3" eb="4">
      <t>サキ</t>
    </rPh>
    <phoneticPr fontId="1"/>
  </si>
  <si>
    <t>鹿児島市　指導監査課　法人・施設指導係</t>
    <rPh sb="0" eb="4">
      <t>カゴシマシ</t>
    </rPh>
    <rPh sb="5" eb="7">
      <t>シドウ</t>
    </rPh>
    <rPh sb="7" eb="9">
      <t>カンサ</t>
    </rPh>
    <rPh sb="9" eb="10">
      <t>カ</t>
    </rPh>
    <rPh sb="11" eb="13">
      <t>ホウジン</t>
    </rPh>
    <rPh sb="14" eb="16">
      <t>シセツ</t>
    </rPh>
    <rPh sb="16" eb="18">
      <t>シドウ</t>
    </rPh>
    <rPh sb="18" eb="19">
      <t>カカリ</t>
    </rPh>
    <phoneticPr fontId="1"/>
  </si>
  <si>
    <t>shidou-houjin@city.kagoshima.lg.jp</t>
    <phoneticPr fontId="1"/>
  </si>
  <si>
    <t>〒892-8677　鹿児島市山下町１１番１号</t>
    <rPh sb="10" eb="14">
      <t>カゴシマシ</t>
    </rPh>
    <rPh sb="14" eb="17">
      <t>ヤマシタチョウ</t>
    </rPh>
    <rPh sb="19" eb="20">
      <t>バン</t>
    </rPh>
    <rPh sb="21" eb="22">
      <t>ゴウ</t>
    </rPh>
    <phoneticPr fontId="1"/>
  </si>
  <si>
    <t>☐</t>
    <phoneticPr fontId="1"/>
  </si>
  <si>
    <t>○高齢者福祉施設等における非常災害対策の計画作成の手引き（鹿児島市）Ⅳ-1-(7)-①
　ア　食料や飲料水は、職員分も含め、少なくとも3日分は備蓄しておきましょう。
　イ　飲料水は、1人1日3リットルが目安です。
　ウ　食料については、施設等の利用者の特性に配慮した食料品を選びましょう。また、調理施設が使用できない場合
　　もあるので、レトルト食品や缶詰、フリーズドライ食品など、加熱しなくても食べられるものも用意しておきまし
　　ょう。
　エ　携帯用コンロと燃料を備蓄しておくと、いざという時に便利です。
　オ　一般的な救急医薬品、ウエットティッシュや紙おむつ等の衛生用品などを備蓄しておくことも必要です。
　カ　備蓄した食料や医薬品等が有効期限切れにならないよう、定期的に在庫チェックをしましょう。</t>
    <phoneticPr fontId="1"/>
  </si>
  <si>
    <t>　No.7　老人福祉施設
　(5) 軽費老人ホーム（ケアハウス）</t>
    <rPh sb="6" eb="8">
      <t>ロウジン</t>
    </rPh>
    <rPh sb="8" eb="10">
      <t>フクシ</t>
    </rPh>
    <rPh sb="10" eb="12">
      <t>シセツ</t>
    </rPh>
    <rPh sb="18" eb="22">
      <t>ケイヒロウジン</t>
    </rPh>
    <phoneticPr fontId="1"/>
  </si>
  <si>
    <t>◎社会福祉法施行規則（昭和26年厚生省令第28号）第1条の2
　社会福祉法（昭和二十六年法律第四十五号。以下「法」という。）第十九条第一項第五号に規定する厚生労働省令で
　定める者は、次のとおりとする。
　一　精神保健福祉士
　二　学校教育法（昭和二十二年法律第二十六号）に基づく大学において、法第十九条第一項第一号に規定する厚生労
　　働大臣の指定する社会福祉に関する科目を修めて、学校教育法第百二条第二項の規定により大学院への入学を認め
　　られた者
○解釈通知第1-4
【同等以上の能力を有すると認められる者】
　社会福祉施設等に勤務し又は勤務したことのある者等であって、その者の実績等から一般的に、軽費老人ホームを適
　切に管理運営する能力を有すると認められる者
○昭和53年2月20日付け社庶第13号厚生省社会・児童家庭局長連名通知「社会福祉施設の長の資格要件について」
・「施設長資格認定講習会」の課程を修了した者を、当該要件を具備する者とする。</t>
    <rPh sb="303" eb="305">
      <t>ケイヒ</t>
    </rPh>
    <rPh sb="305" eb="307">
      <t>ロウジン</t>
    </rPh>
    <phoneticPr fontId="1"/>
  </si>
  <si>
    <t>◎社会福祉法施行規則（昭和26年厚生省令第28号）第1条の2
　社会福祉法（昭和二十六年法律第四十五号。以下「法」という。）第十九条第一項第五号に規定する厚生労働省令で
　定める者は、次のとおりとする。
　一　精神保健福祉士
　二　学校教育法（昭和二十二年法律第二十六号）に基づく大学において、法第十九条第一項第一号に規定する厚生労
　　働大臣の指定する社会福祉に関する科目を修めて、学校教育法第百二条第二項の規定により大学院への入学を認め
　　られた者
○解釈通知第1-4
【同等以上の能力を有すると認められる者】
　社会福祉施設等に勤務し又は勤務したことのある者等であって、その者の実績等から一般的に、入所者の生活の向上
　を図るための適切な相談、援助等を行う能力を有すると認められる者</t>
    <phoneticPr fontId="1"/>
  </si>
  <si>
    <t>◎基準条例第5条第2項
　第23条第1項の生活相談員は、法第19条第1項各号のいずれかに該当する者又はこれと同等以上の能力を有すると認め
　られる者でなければならない。
◎社会福祉法第19条第1項各号
　一　学校教育法（昭和二十二年法律第二十六号）に基づく大学、旧大学令（大正七年勅令第三百八十八号）に基づく
　　大学、旧高等学校令（大正七年勅令第三百八十九号）に基づく高等学校又は旧専門学校令（明治三十六年勅令第六
　　十一号）に基づく専門学校において、厚生労働大臣の指定する社会福祉に関する科目を修めて卒業した者（当該科
　　目を修めて同法に基づく専門職大学の前期課程を修了した者を含む。）
　二　都道府県知事の指定する養成機関又は講習会の課程を修了した者
　三　社会福祉士
　四　厚生労働大臣の指定する社会福祉事業従事者試験に合格した者
　五　前各号に掲げる者と同等以上の能力を有すると認められる者として厚生労働省令で定めるもの</t>
    <rPh sb="1" eb="5">
      <t>キジュンジョウレイ</t>
    </rPh>
    <rPh sb="5" eb="6">
      <t>ダイ</t>
    </rPh>
    <rPh sb="7" eb="8">
      <t>ジョウ</t>
    </rPh>
    <rPh sb="8" eb="9">
      <t>ダイ</t>
    </rPh>
    <rPh sb="10" eb="11">
      <t>コウ</t>
    </rPh>
    <phoneticPr fontId="1"/>
  </si>
  <si>
    <t>◎基準条例第5条第1項
　軽費老人ホームの長（以下「施設長」という。）は、法第19条第1項各号のいずれかに該当する者若しくは社会福祉
　事業に2年以上従事した者又はこれらと同等以上の能力を有すると認められる者でなければならない。
◎社会福祉法第19条第1項各号
　一　学校教育法（昭和二十二年法律第二十六号）に基づく大学、旧大学令（大正七年勅令第三百八十八号）に基づく
　　大学、旧高等学校令（大正七年勅令第三百八十九号）に基づく高等学校又は旧専門学校令（明治三十六年勅令第六
　　十一号）に基づく専門学校において、厚生労働大臣の指定する社会福祉に関する科目を修めて卒業した者（当該科
　　目を修めて同法に基づく専門職大学の前期課程を修了した者を含む。）
　二　都道府県知事の指定する養成機関又は講習会の課程を修了した者
　三　社会福祉士
　四　厚生労働大臣の指定する社会福祉事業従事者試験に合格した者
　五　前各号に掲げる者と同等以上の能力を有すると認められる者として厚生労働省令で定めるもの</t>
    <phoneticPr fontId="1"/>
  </si>
  <si>
    <t>◎基準条例第11条第9項
　第6項及び第8項の規定にかかわらず、生活相談員又は介護職員については、いずれか1人を置かなければならない。</t>
    <rPh sb="1" eb="6">
      <t>キジュンジョウレイダイ</t>
    </rPh>
    <rPh sb="8" eb="9">
      <t>ジョウ</t>
    </rPh>
    <rPh sb="9" eb="10">
      <t>ダイ</t>
    </rPh>
    <rPh sb="11" eb="12">
      <t>コウ</t>
    </rPh>
    <phoneticPr fontId="1"/>
  </si>
  <si>
    <t>調理員
その他の職員</t>
    <rPh sb="0" eb="3">
      <t>チョウリイン</t>
    </rPh>
    <rPh sb="6" eb="7">
      <t>タ</t>
    </rPh>
    <rPh sb="8" eb="10">
      <t>ショクイン</t>
    </rPh>
    <phoneticPr fontId="1"/>
  </si>
  <si>
    <t>人</t>
    <rPh sb="0" eb="1">
      <t>ニン</t>
    </rPh>
    <phoneticPr fontId="1"/>
  </si>
  <si>
    <t>（2に適当数を加えて得た数）</t>
    <rPh sb="3" eb="5">
      <t>テキトウ</t>
    </rPh>
    <rPh sb="5" eb="6">
      <t>スウ</t>
    </rPh>
    <rPh sb="7" eb="8">
      <t>クワ</t>
    </rPh>
    <rPh sb="10" eb="11">
      <t>エ</t>
    </rPh>
    <rPh sb="12" eb="13">
      <t>カズ</t>
    </rPh>
    <phoneticPr fontId="1"/>
  </si>
  <si>
    <t>（軽費老人ホームの実情に応じた適当数）</t>
    <rPh sb="1" eb="5">
      <t>ケイヒロウジン</t>
    </rPh>
    <rPh sb="9" eb="11">
      <t>ジツジョウ</t>
    </rPh>
    <rPh sb="12" eb="13">
      <t>オウ</t>
    </rPh>
    <rPh sb="15" eb="17">
      <t>テキトウ</t>
    </rPh>
    <rPh sb="17" eb="18">
      <t>スウ</t>
    </rPh>
    <phoneticPr fontId="1"/>
  </si>
  <si>
    <t>１　軽費老人ホーム</t>
    <rPh sb="2" eb="6">
      <t>ケイヒロウジン</t>
    </rPh>
    <phoneticPr fontId="1"/>
  </si>
  <si>
    <t>２　特定施設入居者生活介護の指定を受けた軽費老人ホーム</t>
    <rPh sb="2" eb="4">
      <t>トクテイ</t>
    </rPh>
    <rPh sb="4" eb="6">
      <t>シセツ</t>
    </rPh>
    <rPh sb="6" eb="9">
      <t>ニュウキョシャ</t>
    </rPh>
    <rPh sb="9" eb="11">
      <t>セイカツ</t>
    </rPh>
    <rPh sb="11" eb="13">
      <t>カイゴ</t>
    </rPh>
    <rPh sb="14" eb="16">
      <t>シテイ</t>
    </rPh>
    <rPh sb="17" eb="18">
      <t>ウ</t>
    </rPh>
    <rPh sb="20" eb="24">
      <t>ケイヒロウジン</t>
    </rPh>
    <phoneticPr fontId="1"/>
  </si>
  <si>
    <t>共通項目</t>
    <rPh sb="0" eb="2">
      <t>キョウツウ</t>
    </rPh>
    <rPh sb="2" eb="4">
      <t>コウモク</t>
    </rPh>
    <phoneticPr fontId="1"/>
  </si>
  <si>
    <t>一般入所者に対
しての介護職員</t>
    <rPh sb="0" eb="2">
      <t>イッパン</t>
    </rPh>
    <rPh sb="2" eb="5">
      <t>ニュウショシャ</t>
    </rPh>
    <rPh sb="6" eb="7">
      <t>タイ</t>
    </rPh>
    <rPh sb="11" eb="13">
      <t>カイゴ</t>
    </rPh>
    <rPh sb="13" eb="15">
      <t>ショクイン</t>
    </rPh>
    <phoneticPr fontId="1"/>
  </si>
  <si>
    <t>　　職種
入所者</t>
    <rPh sb="2" eb="4">
      <t>ショクシュ</t>
    </rPh>
    <rPh sb="8" eb="11">
      <t>ニュウショシャ</t>
    </rPh>
    <phoneticPr fontId="1"/>
  </si>
  <si>
    <t>　　職種
一般
入所者</t>
    <rPh sb="2" eb="4">
      <t>ショクシュ</t>
    </rPh>
    <rPh sb="7" eb="9">
      <t>イッパン</t>
    </rPh>
    <rPh sb="10" eb="13">
      <t>ニュウショシャ</t>
    </rPh>
    <phoneticPr fontId="1"/>
  </si>
  <si>
    <t>○軽費老人ホーム職員配置基準表</t>
    <rPh sb="1" eb="5">
      <t>ケイヒロウジン</t>
    </rPh>
    <rPh sb="8" eb="10">
      <t>ショクイン</t>
    </rPh>
    <rPh sb="10" eb="12">
      <t>ハイチ</t>
    </rPh>
    <rPh sb="12" eb="14">
      <t>キジュン</t>
    </rPh>
    <rPh sb="14" eb="15">
      <t>ヒョウ</t>
    </rPh>
    <phoneticPr fontId="1"/>
  </si>
  <si>
    <t>○解釈通知別表１</t>
    <rPh sb="1" eb="3">
      <t>カイシャク</t>
    </rPh>
    <rPh sb="3" eb="5">
      <t>ツウチ</t>
    </rPh>
    <rPh sb="5" eb="7">
      <t>ベッピョウ</t>
    </rPh>
    <phoneticPr fontId="1"/>
  </si>
  <si>
    <t>◎基準条例第3条
1 軽費老人ホームの配置、構造及び設備は、日照、採光、換気等入所者の保健衛生に関する事項及び防災について十分
　考慮されたものでなければならない。
2 軽費老人ホームの立地に当たっては、入所者の外出の機会や地域住民との交流の機会が確保されるよう努めなければ
　ならない。</t>
    <rPh sb="1" eb="5">
      <t>キジュンジョウレイ</t>
    </rPh>
    <phoneticPr fontId="1"/>
  </si>
  <si>
    <t>◎基準条例第4条
　軽費老人ホームの設備は、専ら当該軽費老人ホームの用に供するものでなければならない。ただし、入所者に提供す
　るサービスに支障がない場合は、この限りでない。
○解釈通知第1-3
・同一敷地内に他の社会福祉施設が設置されている場合等であって、当該軽費老人ホームの効果的な運営と入所者に対
　する適切なサービスの提供が確保される場合には、入所者が日常継続的に使用する設備以外の調理室等の設備は、そ
　の一部についてただし書を適用して差し支えない。</t>
    <rPh sb="1" eb="5">
      <t>キジュンジョウレイ</t>
    </rPh>
    <rPh sb="89" eb="91">
      <t>カイシャク</t>
    </rPh>
    <rPh sb="91" eb="93">
      <t>ツウチ</t>
    </rPh>
    <rPh sb="93" eb="94">
      <t>ダイ</t>
    </rPh>
    <rPh sb="99" eb="104">
      <t>ドウイツシキチナイ</t>
    </rPh>
    <rPh sb="105" eb="106">
      <t>タ</t>
    </rPh>
    <rPh sb="107" eb="109">
      <t>シャカイ</t>
    </rPh>
    <rPh sb="109" eb="111">
      <t>フクシ</t>
    </rPh>
    <rPh sb="111" eb="113">
      <t>シセツ</t>
    </rPh>
    <rPh sb="114" eb="116">
      <t>セッチ</t>
    </rPh>
    <rPh sb="121" eb="123">
      <t>バアイ</t>
    </rPh>
    <rPh sb="123" eb="124">
      <t>トウ</t>
    </rPh>
    <rPh sb="129" eb="131">
      <t>トウガイ</t>
    </rPh>
    <rPh sb="139" eb="142">
      <t>コウカテキ</t>
    </rPh>
    <rPh sb="143" eb="145">
      <t>ウンエイ</t>
    </rPh>
    <rPh sb="146" eb="149">
      <t>ニュウショシャ</t>
    </rPh>
    <rPh sb="150" eb="151">
      <t>タイ</t>
    </rPh>
    <rPh sb="155" eb="157">
      <t>テキセツ</t>
    </rPh>
    <rPh sb="163" eb="165">
      <t>テイキョウ</t>
    </rPh>
    <rPh sb="166" eb="168">
      <t>カクホ</t>
    </rPh>
    <rPh sb="171" eb="173">
      <t>バアイ</t>
    </rPh>
    <rPh sb="176" eb="179">
      <t>ニュウショシャ</t>
    </rPh>
    <rPh sb="180" eb="182">
      <t>ニチジョウ</t>
    </rPh>
    <rPh sb="182" eb="185">
      <t>ケイゾクテキ</t>
    </rPh>
    <rPh sb="186" eb="188">
      <t>シヨウ</t>
    </rPh>
    <rPh sb="190" eb="192">
      <t>セツビ</t>
    </rPh>
    <rPh sb="192" eb="194">
      <t>イガイ</t>
    </rPh>
    <rPh sb="195" eb="198">
      <t>チョウリシツ</t>
    </rPh>
    <rPh sb="198" eb="199">
      <t>トウ</t>
    </rPh>
    <rPh sb="200" eb="202">
      <t>セツビ</t>
    </rPh>
    <rPh sb="208" eb="210">
      <t>イチブ</t>
    </rPh>
    <rPh sb="217" eb="218">
      <t>ガキ</t>
    </rPh>
    <rPh sb="219" eb="221">
      <t>テキヨウ</t>
    </rPh>
    <rPh sb="223" eb="224">
      <t>サ</t>
    </rPh>
    <rPh sb="225" eb="226">
      <t>ツカ</t>
    </rPh>
    <phoneticPr fontId="1"/>
  </si>
  <si>
    <t>◎基準条例第10条
1 軽費老人ホームの建物（入所者の日常生活のために使用しない附属の建物を除く。）は、耐火建築物（建築基準法（
　昭和25年法律第201号）第2条第9号の2に規定する耐火建築物をいう。以下同じ。）又は準耐火建築物（同条第9号の3
　に規定する準耐火建築物をいう。以下同じ。）でなければならない。</t>
    <rPh sb="1" eb="5">
      <t>キジュンジョウレイ</t>
    </rPh>
    <phoneticPr fontId="1"/>
  </si>
  <si>
    <t>2 前項の規定にかかわらず、市長が、火災予防、消火活動等に関し専門的知識を有する者の意見を聴いて、次の各号の
　いずれかの要件を満たす木造かつ平屋建ての軽費老人ホームの建物であって、火災時における入所者の安全性が確保
　されているものと認めたときは、耐火建築物又は準耐火建築物とすることを要しない。
　(1) スプリンクラー設備の設置、天井等の内装材等への難燃性の材料の使用、調理室等火災が発生するおそれがある
　　箇所における防火区画の設置等により、初期消火及び延焼の抑制に配慮した構造であること。
　(2) 非常警報設備の設置等による火災の早期発見及び通報の体制が整備されており、円滑な消火活動が可能なもので
　　あること。
　(3) 避難口の増設、搬送を容易に行うために十分な幅員を有する避難路の確保等により、円滑な避難が可能な構造で
　　あり、かつ、避難訓練を頻繁に実施すること、配置人員を増員すること等により、火災の際の円滑な避難が可能な
　　ものであること。</t>
    <phoneticPr fontId="1"/>
  </si>
  <si>
    <t>3 軽費老人ホームには、次の各号に掲げる設備を設けなければならない。ただし、他の社会福祉施設等の設備を利用す
　ることにより、当該軽費老人ホームの効果的な運営を期待することができる場合であって、入所者に提供するサービ
　スに支障がないときは、設備の一部を設けないことができる。
　(1) 居室
　(2) 談話室、娯楽室又は集会室
　(3) 食堂
　(4) 浴室
　(5) 洗面所
　(6) 便所
　(7) 調理室
　(8) 面談室
　(9) 洗濯室又は洗濯場
　(10)　宿直室
　(11)　前各号に掲げるもののほか、事務室その他の運営上必要な設備</t>
    <phoneticPr fontId="1"/>
  </si>
  <si>
    <t>4 前項第1号、第4号及び第7号に掲げる設備の基準は、次のとおりとする。
　(1) 居室
　　ア　一の居室の定員は、1人とすること。ただし、入所者へのサービスの提供上必要と認められる場合は、2人とす
　　　ることができる。
　　イ　地階に設けてはならないこと。
　　ウ　一の居室の床面積は、21.6平方メートル（エの設備を除いた有効面積は14.85平方メートル）以上とすること。
　　　ただし、アただし書の場合にあっては、31.9平方メートル以上とすること。
　　エ　洗面所、便所、収納設備及び簡易な調理設備を設けること。
　　オ　緊急の連絡のためのブザー又はこれに代わる設備を設けること。
　(2) 浴室　老人が入浴するのに適したものとするほか、必要に応じて、介護を必要とする者が入浴できるようにする
　　ための設備を設けること。
　(3) 調理室　火気を使用する部分は、不燃材料を用いること。</t>
    <phoneticPr fontId="1"/>
  </si>
  <si>
    <t>5 前項第1号の規定にかかわらず、10程度の居室及び当該居室に近接して設けられる共同生活室（当該居室の入所者が
　談話室、娯楽室又は集会室及び食堂として使用することが可能な部屋をいう。以下この項において同じ。）により構
　成される区画における設備の基準は、次の各号に定めるところによる。
　(1) 居室
　　ア　一の居室の定員は、1人とすること。ただし、入所者へのサービスの提供上必要と認められる場合は、2人とす
　　　ることができる。
　　イ　地階に設けてはならないこと。</t>
    <phoneticPr fontId="1"/>
  </si>
  <si>
    <t>　　ウ　一の居室の床面積は、15.63平方メートル（エの設備を除いた有効面積は13.2平方メートル）以上とすること。
　　　ただし、アただし書の場合にあっては、23.45平方メートル以上とすること。
　　エ　洗面所、便所、収納設備及び簡易な調理設備を設けること。ただし、共同生活室ごとに便所及び調理設備を適
　　　当数設ける場合にあっては、居室ごとの便所及び簡易な調理設備を設けないことができる。
　　オ　緊急の連絡のためのブザー又はこれに代わる設備を設けること。
　(2) 共同生活室
　　ア　同一区画内の入所者が交流し、共同で日常生活を営むための場所としてふさわしい形状を有すること。
　　イ　必要な設備及び備品を備えること。</t>
    <phoneticPr fontId="1"/>
  </si>
  <si>
    <t>6 前各項に規定するもののほか、軽費老人ホームの設備の基準は、次に定めるところによる。
　(1) 施設内に一斉に放送できる設備を設置すること。
　(2) 居室が2階以上の階にある場合にあっては、エレベーターを設けること。</t>
    <phoneticPr fontId="1"/>
  </si>
  <si>
    <t>◎基準条例第8条
1 軽費老人ホームは、消火設備その他の非常災害に際して必要な設備を設けるとともに、当該軽費老人ホームの立地環
　境に応じ、火災、風水害、地震、津波、火山災害等個別に非常災害に対する具体的計画を立てなければならない。
2 軽費老人ホームは、前項の具体的計画の内容について、職員及び入所者に分かりやすく当該軽費老人ホーム内に掲示
　しなければならない。
3 軽費老人ホームは、非常災害時の関係機関への通報及び連携体制を整備するとともに、常に地域社会との連携を図る
　ことにより非常災害時に地域住民の協力が得られる体制づくりに努め、それらの取組を定期的に職員に周知しなけれ
　ばならない。
4 軽費老人ホームは、非常災害に備えるため、定期的に避難、救出その他必要な訓練を行わなければならない。
5 軽費老人ホームは、前項に規定する訓練の実施に当たって、地域住民の参加が得られるよう連携に努めなければなら
　ない。</t>
    <rPh sb="1" eb="3">
      <t>キジュン</t>
    </rPh>
    <rPh sb="3" eb="5">
      <t>ジョウレイ</t>
    </rPh>
    <rPh sb="5" eb="6">
      <t>ダイ</t>
    </rPh>
    <rPh sb="7" eb="8">
      <t>ジョウ</t>
    </rPh>
    <phoneticPr fontId="1"/>
  </si>
  <si>
    <t>◎基準条例第9条
1 軽費老人ホームは、設備、職員及び会計に関する諸記録を整備しておかなければならない。
2 軽費老人ホームは、入所者に提供するサービスの状況に関する次の各号に掲げる記録を整備し、その完結の日から5
　年間保存しなければならない。
　(1) 入所者に提供するサービスに関する計画
　(2) 提供した具体的なサービスの内容等の記録
　(3) 第17条第4項に規定する身体的拘束等の態様及び時間、その際の入所者の心身の状況並びに緊急やむを得ない理
　　由の記録
　(4) 第31条第2項の苦情の内容等の記録
　(5) 第33条第2項の事故の状況及び事故に際して採った処置についての同条第3項の記録</t>
    <phoneticPr fontId="1"/>
  </si>
  <si>
    <t>◎基準条例第12条
1 軽費老人ホームは、サービスの提供の開始に際しては、あらかじめ入所申込者又はその家族に対し、運営規程の概
　要、職員の勤務体制その他の入所申込者のサービスの選択に資すると認められる重要事項を記した文書を交付して説
　明を行い、当該サービスの提供に関する契約を文書により締結しなければならない。
2 軽費老人ホームは、前項の契約において、入所者の権利を不当に狭めるような契約解除の条件を定めてはならない。
3 軽費老人ホームは、入所申込者又はその家族からの申出があった場合は、第1項の規定による文書の交付に代えて、
　第6項で定めるところにより、当該入所申込者又はその家族の承諾を得て、当該文書に記すべき重要事項を電子情報
　処理組織を使用する方法その他の情報通信の技術を利用する方法であって次に掲げるもの（以下この条において「電
　磁的方法」という。）により提供することができる。この場合において、当該軽費老人ホームは、当該文書を交付し
　たものとみなす。</t>
    <rPh sb="1" eb="5">
      <t>キジュンジョウレイ</t>
    </rPh>
    <rPh sb="5" eb="6">
      <t>ダイ</t>
    </rPh>
    <rPh sb="8" eb="9">
      <t>ジョウ</t>
    </rPh>
    <phoneticPr fontId="1"/>
  </si>
  <si>
    <t>　(1) 電子情報処理組織を使用する方法のうちア又はイに掲げるもの
　　ア　軽費老人ホームの使用に係る電子計算機と入所申込者又はその家族の使用に係る電子計算機とを接続する電気
　　　通信回線を通じて送信し、受信者の使用に係る電子計算機に備えられたファイルに記録する方法
　　イ　軽費老人ホームの使用に係る電子計算機に備えられたファイルに記録された第1項の重要事項を電気通信回線
　　　を通じて入所申込者又はその家族の閲覧に供し、当該入所申込者又はその家族の使用に係る電子計算機に備えら
　　　れたファイルに当該重要事項を記録する方法（電磁的方法による提供を受ける旨の承諾又は受けない旨の申出を
　　　する場合にあっては、軽費老人ホームの使用に係る電子計算機に備えられたファイルにその旨を記録する方法）
　(2) 磁気ディスクその他これに準ずる方法により一定の事項を確実に記録しておくことができる物をもって調製する
　　ファイルに第1項の重要事項を記録したものを交付する方法</t>
    <phoneticPr fontId="1"/>
  </si>
  <si>
    <t>6 軽費老人ホームは、第3項の規定により第1項の重要事項を提供しようとするときは、あらかじめ当該入所申込者又は
　その家族に対し、その用いる次に掲げる電磁的方法の種類及び内容を示し、文書又は電磁的方法による承諾を得なけ
　ればならない。
　(1) 第3項各号に規定する方法のうち軽費老人ホームが使用するもの
　(2) ファイルへの記録の方式
7 前項の規定による承諾を得た軽費老人ホームは、当該入所申込者又はその家族から文書又は電磁的方法により電磁的
　方法による提供を受けない旨の申出があったときは、当該入所申込者又はその家族に対し、第1項の重要事項の提供
　を電磁的方法によってしてはならない。ただし、当該入所申込者又はその家族が再び前項の規定による承諾をした場
　合は、この限りでない。</t>
    <phoneticPr fontId="1"/>
  </si>
  <si>
    <t>4 前項に掲げる方法は、入所申込者又はその家族がファイルへの記録を出力することにより文書を作成することができ
　るものでなければならない。
5 第3項第1号の電子情報処理組織とは、軽費老人ホームの使用に係る電子計算機と入所申込者又はその家族の使用に係
　る電子計算機とを電気通信回線で接続した電子情報処理組織をいう。</t>
    <phoneticPr fontId="1"/>
  </si>
  <si>
    <t>◎基準条例第13条
　軽費老人ホームの入所者は、次の各号に規定する要件を満たす者とする。
　(1) 身体機能の低下等により自立した日常生活を営むことについて不安があると認められる者であって、家族による
　　援助を受けることが困難な者
　(2) 60歳以上の者。ただし、その者の配偶者、三親等内の親族その他特別な事情により当該者と共に入所させること
　　が必要と認められる者については、この限りでない。</t>
    <rPh sb="1" eb="6">
      <t>キジュンジョウレイダイ</t>
    </rPh>
    <rPh sb="8" eb="9">
      <t>ジョウ</t>
    </rPh>
    <phoneticPr fontId="1"/>
  </si>
  <si>
    <t>◎基準条例第14条
1 軽費老人ホームは、入所予定者の入所に際しては、その者の心身の状況、生活の状況、家庭の状況等の把握に努めな
　ければならない。
2 軽費老人ホームは、入所者の心身の状況、入所中に提供することができるサービスの内容等に照らし、軽費老人ホー
　ムにおいて日常生活を営むことが困難となったと認められる入所者に対し、その者及びその家族の希望を十分に勘案
　し、その者の状態に適合するサービスに関する情報の提供を行うとともに、適切な他のサービスを受けることができ
　るよう必要な援助に努めなければならない。
3 軽費老人ホームは、入所者の退所に際しては、居宅サービス計画（介護保険法（平成9年法律第123号）第8条第24項
　に規定する居宅サービス計画をいう。以下同じ。）又は施設サービス計画（同条第26項に規定する施設サービス計画
　をいう。）の作成等の援助に資するため、居宅介護支援事業者（同条第24項に規定する居宅介護支援事業を行う者を
　いう。）又は介護保険施設（同条第25項に規定する介護保険施設をいう。）に対する情報の提供に努めるほか、その
　他保健医療サービス又は福祉サービスを提供する者との密接な連携に努めなければならない。</t>
    <rPh sb="1" eb="3">
      <t>キジュン</t>
    </rPh>
    <rPh sb="3" eb="5">
      <t>ジョウレイ</t>
    </rPh>
    <rPh sb="5" eb="6">
      <t>ダイ</t>
    </rPh>
    <rPh sb="8" eb="9">
      <t>ジョウ</t>
    </rPh>
    <phoneticPr fontId="1"/>
  </si>
  <si>
    <t>◎基準条例第16条
1 軽費老人ホームは、入所者から利用料として、次に掲げる費用の支払を受けることができる。
　(1) サービスの提供に要する費用（入所者の所得の状況その他の事情を勘案して徴収すべき費用として市長が定める
　　額に限る。）
　(2) 生活費（食材料費及び共用部分に係る光熱水費に限る。）
　(3) 居住に要する費用（前号の光熱水費及び次号の費用を除く。）
　(4) 居室に係る光熱水費
　(5) 入所者が選定する特別なサービスの提供を行ったことに伴い必要となる費用
　(6) 前各号に掲げるもののほか、軽費老人ホームにおいて提供される便宜のうち日常生活においても通常必要となる
　　ものに係る費用であって、入所者に負担させることが適当と認められるもの
2 軽費老人ホームは、前項各号に掲げる費用の額に係るサービスの提供に当たっては、あらかじめ入所者又はその家族
　に対し、当該サービスの内容及び費用を記した文書を交付して説明を行い、入所者の同意を得なければならない。
3 第1項第2号の生活費は、地域の実情、物価の変動その他の事情を勘案して市長が定める額を上限額とする。</t>
    <rPh sb="1" eb="5">
      <t>キジュンジョウレイ</t>
    </rPh>
    <rPh sb="5" eb="6">
      <t>ダイ</t>
    </rPh>
    <rPh sb="8" eb="9">
      <t>ジョウ</t>
    </rPh>
    <phoneticPr fontId="1"/>
  </si>
  <si>
    <t>◎基準条例第17条
1 軽費老人ホームは、入所者について、安心して生き生きと明るく生活できるよう、その心身の状況や希望に応じたサ
　ービスの提供を行うとともに、生きがいをもって生活できるようにするための機会を適切に提供しなければならな
　い。
2 軽費老人ホームの職員は、入所者に対するサービスの提供に当たっては、懇切丁寧に行うことを旨とし、入所者又は
　その家族に対し、サービスの提供を行う上で必要な事項について、理解しやすいように説明を行わなければならな
　い。
3 軽費老人ホームは、入所者に対するサービスの提供に当たっては、当該入所者又は他の入所者等の生命又は身体を保
　護するため緊急やむを得ない場合を除き、身体的拘束その他入所者の行動を制限する行為（以下「身体的拘束等」と
　いう。）を行ってはならない。
4 軽費老人ホームは、身体的拘束等を行う場合は、その態様及び時間、その際の入所者の心身の状況並びに緊急やむを
　得ない理由を記録しなければならない。
5 軽費老人ホームは、身体的拘束等の適正化を図るため、次に掲げる措置を講じなければならない。
　(1) 身体的拘束等の適正化のための対策を検討する委員会（テレビ電話装置その他の情報通信機器（以下「テレビ電
　　話装置等」という。）を活用して行うことができるものとする。）を3月に1回以上開催するとともに、その結果に
　　ついて、介護職員その他の従業者に周知徹底を図ること。
　(2) 身体的拘束等の適正化のための指針を整備すること。
　(3) 介護職員その他の従業者に対し、身体的拘束等の適正化のための研修を定期的に実施すること。</t>
    <rPh sb="1" eb="3">
      <t>キジュン</t>
    </rPh>
    <rPh sb="3" eb="5">
      <t>ジョウレイ</t>
    </rPh>
    <phoneticPr fontId="1"/>
  </si>
  <si>
    <t>◎基準条例第18条
　軽費老人ホームは、栄養並びに入所者の心身の状況及び嗜好を考慮した食事を、適切な時間に提供しなければならな
　い。</t>
    <rPh sb="1" eb="6">
      <t>キジュンジョウレイダイ</t>
    </rPh>
    <rPh sb="8" eb="9">
      <t>ジョウ</t>
    </rPh>
    <phoneticPr fontId="1"/>
  </si>
  <si>
    <t>◎基準条例第19条
1 軽費老人ホームは、常に入所者の心身の状況、その置かれている環境等の的確な把握に努め、入所者又はその家族に
　対し、その相談に適切に応じるとともに、必要な助言その他の援助を行わなければならない。
2 軽費老人ホームは、要介護認定（介護保険法第19条第1項に規定する要介護認定をいう。）の申請等入所者が日常生
　活を営むのに必要な行政機関等に対する手続について、その者又はその家族が行うことが困難である場合は、その者
　の意思を踏まえて速やかに必要な支援を行わなければならない。
3 軽費老人ホームは、常に入所者の家族との連携を図るとともに、入所者とその家族との交流等の機会を確保するよう
　努めなければならない。
4 軽費老人ホームは、入所者の外出の機会を確保するよう努めなければならない。
5 軽費老人ホームは、2日に1回以上の頻度で入浴の機会を提供する等の適切な方法により、入所者の清潔の保持に努め
　なければならない。
6 軽費老人ホームは、入所者からの要望を考慮し、適宜レクリエーション行事を実施するよう努めなければならない。</t>
    <rPh sb="1" eb="3">
      <t>キジュン</t>
    </rPh>
    <rPh sb="3" eb="5">
      <t>ジョウレイ</t>
    </rPh>
    <phoneticPr fontId="1"/>
  </si>
  <si>
    <t>◎基準条例第20条
　軽費老人ホームは、入所者が要介護状態等（介護保険法第2条第1項に規定する要介護状態等をいう。）となった場合
　は、その心身の状況、置かれている環境等に応じ、適切に居宅サービス等（同法第23条に規定する居宅サービス等を
　いう。以下同じ。）を受けることができるよう、必要な援助を行わなければならない。</t>
    <rPh sb="1" eb="5">
      <t>キジュンジョウレイ</t>
    </rPh>
    <phoneticPr fontId="1"/>
  </si>
  <si>
    <r>
      <t>◎基準条例第24条の2　</t>
    </r>
    <r>
      <rPr>
        <u/>
        <sz val="8"/>
        <rFont val="HGｺﾞｼｯｸM"/>
        <family val="3"/>
        <charset val="128"/>
      </rPr>
      <t>※令和6年3月31日まで努力義務</t>
    </r>
    <r>
      <rPr>
        <sz val="8"/>
        <rFont val="HGｺﾞｼｯｸM"/>
        <family val="3"/>
        <charset val="128"/>
      </rPr>
      <t xml:space="preserve">
1 軽費老人ホームは、感染症や非常災害の発生時において、入所者に対するサービスの提供を継続的に実施し、非常時
　の体制で早期の業務再開を図るための計画（以下「業務継続計画」という。）を策定し、当該業務継続計画に従い必
　要な措置を講じなければならない。
2 軽費老人ホームは、職員に対し、業務継続計画について周知するとともに、必要な研修及び訓練を定期的に実施しな
　ければならない。
3 軽費老人ホームは、定期的に業務継続計画の見直しを行い、必要に応じて業務継続計画の変更を行うものとする。</t>
    </r>
    <rPh sb="1" eb="5">
      <t>キジュンジョウレイ</t>
    </rPh>
    <phoneticPr fontId="1"/>
  </si>
  <si>
    <t>◎基準条例第25条
　軽費老人ホームは、入所定員及び居室の定員を超えて入所させてはならない。ただし、災害、虐待その他のやむを得
　ない事情がある場合は、この限りでない。</t>
    <rPh sb="1" eb="5">
      <t>キジュンジョウレイ</t>
    </rPh>
    <phoneticPr fontId="1"/>
  </si>
  <si>
    <r>
      <t>◎基準条例第26条
1 軽費老人ホームは、入所者の使用する食器その他の設備又は飲用に供する水について、衛生的な管理に努め、又は衛
　生上必要な措置を講じなければならない。
2 軽費老人ホームは、当該軽費老人ホームにおいて感染症又は食中毒が発生し、又はまん延しないように、次の各号に
　掲げる措置を講じなければならない。
　(1) 当該軽費老人ホームにおける感染症及び食中毒の予防及びまん延の防止のための対策を検討する委員会（テレビ
　　電話装置等を活用して行うことができるものとする。）をおおむね3月に1回以上開催するとともに、その結果につ
　　いて、介護職員その他の職員に対し、周知徹底を図ること。
　(2) 当該軽費老人ホームにおける感染症及び食中毒の予防及びまん延の防止のための指針を整備すること。
　(3) 当該軽費老人ホームにおいて、介護職員その他の職員に対し、感染症及び食中毒の予防及びまん延の防止のため
　　の研修並びに感染症の予防及びまん延の防止のための訓練を定期的に実施すること。
　　</t>
    </r>
    <r>
      <rPr>
        <u/>
        <sz val="8"/>
        <rFont val="HGｺﾞｼｯｸM"/>
        <family val="3"/>
        <charset val="128"/>
      </rPr>
      <t>※感染症の予防及びまん延の防止のための訓練は、令和6年3月31日まで努力義務</t>
    </r>
    <r>
      <rPr>
        <sz val="8"/>
        <rFont val="HGｺﾞｼｯｸM"/>
        <family val="3"/>
        <charset val="128"/>
      </rPr>
      <t xml:space="preserve">
　(4) 前各号に掲げるもののほか、厚生労働大臣が定める感染症又は食中毒の発生が疑われる際の対処等に関する手順
　　に沿った対応を行うこと。</t>
    </r>
    <rPh sb="1" eb="5">
      <t>キジュンジョウレイ</t>
    </rPh>
    <phoneticPr fontId="1"/>
  </si>
  <si>
    <t>◎基準条例第30条
　軽費老人ホームは、当該軽費老人ホームについて広告をする場合は、その内容を虚偽又は誇大なものとしてはならな
　い。</t>
    <rPh sb="1" eb="6">
      <t>キジュンジョウレイダイ</t>
    </rPh>
    <rPh sb="8" eb="9">
      <t>ジョウ</t>
    </rPh>
    <phoneticPr fontId="1"/>
  </si>
  <si>
    <t>◎基準条例第31条
1 軽費老人ホームは、その提供したサービスに関する入所者又はその家族からの苦情に迅速かつ適切に対応するため
　に、苦情を受け付けるための窓口の設置その他の必要な措置を講じなければならない。
2 軽費老人ホームは、前項の苦情を受け付けた場合は、当該苦情の内容等を記録しなければならない。
3 軽費老人ホームは、その提供したサービスに関し、市から指導又は助言を受けた場合は、当該指導又は助言に従って
　必要な改善を行わなければならない。
4 軽費老人ホームは、市からの求めがあった場合は、前項の改善の内容を市に報告しなければならない。
5 軽費老人ホームは、法第83条に規定する運営適正化委員会が行う法第85条第1項の規定による調査にできる限り協力
　しなければならない。</t>
    <rPh sb="1" eb="3">
      <t>キジュン</t>
    </rPh>
    <rPh sb="3" eb="5">
      <t>ジョウレイ</t>
    </rPh>
    <phoneticPr fontId="1"/>
  </si>
  <si>
    <t>◎基準条例第32条
1 軽費老人ホームは、その運営に当たっては、地域住民又はその自発的な活動等との連携及び協力を行う等の地域との
　交流を図らなければならない。
2 軽費老人ホームは、その運営に当たっては、その提供したサービスに関する入所者からの苦情に関して、市等が派遣
　する者が相談及び援助を行う事業その他の市が実施する事業に協力するよう努めなければならない。</t>
    <rPh sb="1" eb="5">
      <t>キジュンジョウレイ</t>
    </rPh>
    <phoneticPr fontId="1"/>
  </si>
  <si>
    <t>◎基準条例第33条
1 軽費老人ホームは、事故の発生又はその再発を防止するため、次の各号に定める措置を講じなければならない。
　(1) 事故が発生した場合の対応、次号の報告の方法等が記載された事故発生の防止のための指針を整備すること。
　(2) 事故が発生した場合又はその危険性がある事態が生じた場合に、当該事実が報告され、その分析を通じた改善策
　　について、職員に周知徹底する体制を整備すること。
　(3) 事故発生の防止のための委員会（テレビ電話装置等を活用して行うことができるものとする。）及び職員に対す
　　る研修を定期的に行うこと。
　(4) 前3号に掲げる措置を適切に実施するための担当者を置くこと。
2 軽費老人ホームは、入所者に対するサービスの提供により事故が発生した場合は、速やかに市、入所者の家族等に連
　絡を行うとともに、必要な措置を講じなければならない。
3 軽費老人ホームは、前項の事故の状況及び事故に際して採った処置について記録しなければならない。
4 軽費老人ホームは、入所者に対するサービスの提供により賠償すべき事故が発生した場合は、損害賠償を速やかに行
　わなければならない。</t>
    <rPh sb="1" eb="3">
      <t>キジュン</t>
    </rPh>
    <rPh sb="3" eb="5">
      <t>ジョウレイ</t>
    </rPh>
    <phoneticPr fontId="1"/>
  </si>
  <si>
    <r>
      <t>◎基準条例第34条　</t>
    </r>
    <r>
      <rPr>
        <u/>
        <sz val="8"/>
        <rFont val="HGｺﾞｼｯｸM"/>
        <family val="3"/>
        <charset val="128"/>
      </rPr>
      <t>※令和6年3月31日まで努力義務</t>
    </r>
    <r>
      <rPr>
        <sz val="8"/>
        <rFont val="HGｺﾞｼｯｸM"/>
        <family val="3"/>
        <charset val="128"/>
      </rPr>
      <t xml:space="preserve">
　軽費老人ホームは、虐待の発生又はその再発を防止するため、次の各号に掲げる措置を講じなければならない。
　(1) 当該軽費老人ホームにおける虐待の防止のための対策を検討する委員会（テレビ電話装置等を活用して行うこと
　　ができるものとする。）を定期的に開催するとともに、その結果について、職員に周知徹底を図ること。
　(2) 当該軽費老人ホームにおける虐待の防止のための指針を整備すること。
　(3) 当該軽費老人ホームにおいて、職員に対し、虐待の防止のための研修を定期的に実施すること。
　(4) 前3号に掲げる措置を適切に実施するための担当者を置くこと。</t>
    </r>
    <rPh sb="1" eb="3">
      <t>キジュン</t>
    </rPh>
    <rPh sb="3" eb="5">
      <t>ジョウレイ</t>
    </rPh>
    <phoneticPr fontId="1"/>
  </si>
  <si>
    <t>◎基準条例第35条
1 軽費老人ホーム及びその職員は、作成、交付、保存その他これらに類するもののうち、この条例の規定において書面
　（書面、書類、文書、謄本、抄本、正本、副本、複本その他文字、図形等人の知覚によって認識することができる情
　報が記載された紙その他の有体物をいう。以下この条において同じ。）で行うことが規定されている又は想定される
　もの（次項に規定するものを除く。）については、書面に代えて、当該書面に係る電磁的記録（電子的方式、磁気的
　方式その他人の知覚によっては認識することができない方式で作られる記録であって、電子計算機による情報処理の
　用に供されるものをいう。）により行うことができる。
2 軽費老人ホーム及びその職員は、交付、説明、同意、承諾、締結その他これらに類するもの（以下「交付等」とい
　う。）のうち、この条例の規定において書面で行うことが規定されている又は想定されるものについては、当該交付
　等の相手方の承諾を得て、書面に代えて、電磁的方法（電子的方法、磁気的方法その他人の知覚によって認識するこ
　とができない方法をいう。）によることができる。</t>
    <rPh sb="1" eb="5">
      <t>キジュンジョウレイ</t>
    </rPh>
    <phoneticPr fontId="1"/>
  </si>
  <si>
    <t>１－２　生活相談員</t>
    <rPh sb="4" eb="6">
      <t>セイカツ</t>
    </rPh>
    <rPh sb="6" eb="9">
      <t>ソウダンイン</t>
    </rPh>
    <phoneticPr fontId="1"/>
  </si>
  <si>
    <t>１－３　介護職員</t>
    <rPh sb="4" eb="6">
      <t>カイゴ</t>
    </rPh>
    <rPh sb="6" eb="8">
      <t>ショクイン</t>
    </rPh>
    <phoneticPr fontId="1"/>
  </si>
  <si>
    <t>１－５　事務員</t>
    <rPh sb="4" eb="7">
      <t>ジムイン</t>
    </rPh>
    <phoneticPr fontId="1"/>
  </si>
  <si>
    <t>１－６　宿直又は夜間勤務職員</t>
    <rPh sb="4" eb="6">
      <t>シュクチョク</t>
    </rPh>
    <rPh sb="6" eb="7">
      <t>マタ</t>
    </rPh>
    <rPh sb="8" eb="10">
      <t>ヤカン</t>
    </rPh>
    <rPh sb="10" eb="12">
      <t>キンム</t>
    </rPh>
    <rPh sb="12" eb="14">
      <t>ショクイン</t>
    </rPh>
    <phoneticPr fontId="1"/>
  </si>
  <si>
    <t>　(2) 入所者に関する記録
　　・入所者名簿
　　・入所者台帳（入所者の生活歴、サービスの提供に関する事項その他必要な事項を記録したもの）
　　・入所者に提供するサービスに関する計画
　　・サービスの提供に関する記録
　　・献立その他食事に関する記録
　　・入所者の健康管理に関する記録
　　・当該入所者又は他の入所者等の生命又は身体を保護するため緊急やむを得ない場合に行った身体的拘束等の態様
　　　及び時間、その際の入所者の心身の状況並びに緊急やむを得ない理由の記録
　　・サービスの提供に関する入所者及びその家族からの苦情の内容等の記録
　　・入所者へのサービスの提供により事故が発生した場合の状況及び事故に際して採った処置についての記録</t>
    <rPh sb="46" eb="48">
      <t>テイキョウ</t>
    </rPh>
    <rPh sb="78" eb="80">
      <t>テイキョウ</t>
    </rPh>
    <rPh sb="101" eb="103">
      <t>テイキョウ</t>
    </rPh>
    <rPh sb="104" eb="105">
      <t>カン</t>
    </rPh>
    <rPh sb="107" eb="109">
      <t>キロク</t>
    </rPh>
    <rPh sb="245" eb="247">
      <t>テイキョウ</t>
    </rPh>
    <rPh sb="286" eb="288">
      <t>テイキョウ</t>
    </rPh>
    <phoneticPr fontId="1"/>
  </si>
  <si>
    <t>　(3) 会計経理に関する記録
　　・収支予算及び収支決算に関する書類
　　・金銭の出納に関する記録
　　・債権債務に関する記録
　　・物品受払に関する記録
　　・収入支出に関する記録
　　・資産に関する記録
　　・証拠書類綴</t>
    <rPh sb="19" eb="21">
      <t>シュウシ</t>
    </rPh>
    <rPh sb="21" eb="23">
      <t>ヨサン</t>
    </rPh>
    <rPh sb="23" eb="24">
      <t>オヨ</t>
    </rPh>
    <rPh sb="25" eb="27">
      <t>シュウシ</t>
    </rPh>
    <rPh sb="27" eb="29">
      <t>ケッサン</t>
    </rPh>
    <rPh sb="30" eb="31">
      <t>カン</t>
    </rPh>
    <rPh sb="33" eb="35">
      <t>ショルイ</t>
    </rPh>
    <rPh sb="39" eb="41">
      <t>キンセン</t>
    </rPh>
    <rPh sb="42" eb="44">
      <t>スイトウ</t>
    </rPh>
    <rPh sb="45" eb="46">
      <t>カン</t>
    </rPh>
    <rPh sb="48" eb="50">
      <t>キロク</t>
    </rPh>
    <rPh sb="54" eb="56">
      <t>サイケン</t>
    </rPh>
    <rPh sb="56" eb="58">
      <t>サイム</t>
    </rPh>
    <rPh sb="59" eb="60">
      <t>カン</t>
    </rPh>
    <rPh sb="62" eb="64">
      <t>キロク</t>
    </rPh>
    <rPh sb="68" eb="70">
      <t>ブッピン</t>
    </rPh>
    <rPh sb="70" eb="72">
      <t>ウケハライ</t>
    </rPh>
    <rPh sb="73" eb="74">
      <t>カン</t>
    </rPh>
    <rPh sb="76" eb="78">
      <t>キロク</t>
    </rPh>
    <rPh sb="82" eb="84">
      <t>シュウニュウ</t>
    </rPh>
    <rPh sb="84" eb="86">
      <t>シシュツ</t>
    </rPh>
    <rPh sb="87" eb="88">
      <t>カン</t>
    </rPh>
    <rPh sb="90" eb="92">
      <t>キロク</t>
    </rPh>
    <rPh sb="96" eb="98">
      <t>シサン</t>
    </rPh>
    <rPh sb="99" eb="100">
      <t>カン</t>
    </rPh>
    <rPh sb="102" eb="104">
      <t>キロク</t>
    </rPh>
    <rPh sb="108" eb="110">
      <t>ショウコ</t>
    </rPh>
    <rPh sb="110" eb="112">
      <t>ショルイ</t>
    </rPh>
    <rPh sb="112" eb="113">
      <t>ツヅ</t>
    </rPh>
    <phoneticPr fontId="1"/>
  </si>
  <si>
    <t>４　入所申込者等に対する説明等</t>
    <rPh sb="2" eb="4">
      <t>ニュウショ</t>
    </rPh>
    <rPh sb="4" eb="6">
      <t>モウシコミ</t>
    </rPh>
    <rPh sb="6" eb="7">
      <t>シャ</t>
    </rPh>
    <rPh sb="7" eb="8">
      <t>トウ</t>
    </rPh>
    <rPh sb="9" eb="10">
      <t>タイ</t>
    </rPh>
    <rPh sb="12" eb="14">
      <t>セツメイ</t>
    </rPh>
    <rPh sb="14" eb="15">
      <t>トウ</t>
    </rPh>
    <phoneticPr fontId="1"/>
  </si>
  <si>
    <t>(1) サービスの提供の開始に際し、あらかじめ入所申込者又はその家族</t>
    <rPh sb="9" eb="11">
      <t>テイキョウ</t>
    </rPh>
    <rPh sb="12" eb="14">
      <t>カイシ</t>
    </rPh>
    <rPh sb="15" eb="16">
      <t>サイ</t>
    </rPh>
    <rPh sb="23" eb="25">
      <t>ニュウショ</t>
    </rPh>
    <rPh sb="25" eb="27">
      <t>モウシコミ</t>
    </rPh>
    <rPh sb="27" eb="28">
      <t>シャ</t>
    </rPh>
    <rPh sb="28" eb="29">
      <t>マタ</t>
    </rPh>
    <rPh sb="32" eb="34">
      <t>カゾク</t>
    </rPh>
    <phoneticPr fontId="1"/>
  </si>
  <si>
    <t>　に対し、重要事項説明書を交付して説明を行い、当該サービスの提供</t>
    <phoneticPr fontId="1"/>
  </si>
  <si>
    <t>　に関する契約を文書により締結しているか。</t>
    <rPh sb="8" eb="10">
      <t>ブンショ</t>
    </rPh>
    <rPh sb="13" eb="15">
      <t>テイケツ</t>
    </rPh>
    <phoneticPr fontId="1"/>
  </si>
  <si>
    <t>(2) 入所契約において、入所者の権利を不当に狭めるような契約解除の</t>
    <rPh sb="4" eb="6">
      <t>ニュウショ</t>
    </rPh>
    <rPh sb="6" eb="8">
      <t>ケイヤク</t>
    </rPh>
    <rPh sb="13" eb="16">
      <t>ニュウショシャ</t>
    </rPh>
    <rPh sb="17" eb="19">
      <t>ケンリ</t>
    </rPh>
    <rPh sb="20" eb="22">
      <t>フトウ</t>
    </rPh>
    <rPh sb="23" eb="24">
      <t>セバ</t>
    </rPh>
    <rPh sb="29" eb="31">
      <t>ケイヤク</t>
    </rPh>
    <rPh sb="31" eb="33">
      <t>カイジョ</t>
    </rPh>
    <phoneticPr fontId="1"/>
  </si>
  <si>
    <t>　条件を定めていないか。</t>
    <rPh sb="1" eb="3">
      <t>ジョウケン</t>
    </rPh>
    <rPh sb="4" eb="5">
      <t>サダ</t>
    </rPh>
    <phoneticPr fontId="1"/>
  </si>
  <si>
    <t>□重要事項説明書</t>
    <rPh sb="1" eb="3">
      <t>ジュウヨウ</t>
    </rPh>
    <rPh sb="3" eb="5">
      <t>ジコウ</t>
    </rPh>
    <rPh sb="5" eb="8">
      <t>セツメイショ</t>
    </rPh>
    <phoneticPr fontId="1"/>
  </si>
  <si>
    <t>□入所契約書</t>
    <rPh sb="1" eb="3">
      <t>ニュウショ</t>
    </rPh>
    <rPh sb="3" eb="6">
      <t>ケイヤクショ</t>
    </rPh>
    <phoneticPr fontId="1"/>
  </si>
  <si>
    <t>(2) 生活相談員のうち１人以上は常勤であるか。</t>
    <rPh sb="4" eb="9">
      <t>セイカツソウダンイン</t>
    </rPh>
    <rPh sb="13" eb="14">
      <t>ニン</t>
    </rPh>
    <rPh sb="14" eb="16">
      <t>イジョウ</t>
    </rPh>
    <rPh sb="17" eb="19">
      <t>ジョウキン</t>
    </rPh>
    <phoneticPr fontId="1"/>
  </si>
  <si>
    <t>(1) 介護職員の配置は、入所者の数に対し適正であるか。</t>
    <rPh sb="4" eb="6">
      <t>カイゴ</t>
    </rPh>
    <rPh sb="6" eb="8">
      <t>ショクイン</t>
    </rPh>
    <rPh sb="9" eb="11">
      <t>ハイチ</t>
    </rPh>
    <rPh sb="13" eb="16">
      <t>ニュウショシャ</t>
    </rPh>
    <rPh sb="17" eb="18">
      <t>カズ</t>
    </rPh>
    <rPh sb="19" eb="20">
      <t>タイ</t>
    </rPh>
    <rPh sb="21" eb="23">
      <t>テキセイ</t>
    </rPh>
    <phoneticPr fontId="1"/>
  </si>
  <si>
    <t>(2) 介護職員のうち、１人以上は常勤であるか。</t>
    <rPh sb="4" eb="6">
      <t>カイゴ</t>
    </rPh>
    <rPh sb="6" eb="8">
      <t>ショクイン</t>
    </rPh>
    <rPh sb="13" eb="14">
      <t>ニン</t>
    </rPh>
    <rPh sb="14" eb="16">
      <t>イジョウ</t>
    </rPh>
    <rPh sb="17" eb="19">
      <t>ジョウキン</t>
    </rPh>
    <phoneticPr fontId="1"/>
  </si>
  <si>
    <t>(1) 夜間及び深夜の時間帯を通じて、１人以上の宿直又は夜間勤務職員</t>
    <rPh sb="4" eb="6">
      <t>ヤカン</t>
    </rPh>
    <rPh sb="6" eb="7">
      <t>オヨ</t>
    </rPh>
    <rPh sb="8" eb="10">
      <t>シンヤ</t>
    </rPh>
    <rPh sb="11" eb="14">
      <t>ジカンタイ</t>
    </rPh>
    <rPh sb="15" eb="16">
      <t>ツウ</t>
    </rPh>
    <rPh sb="20" eb="21">
      <t>ニン</t>
    </rPh>
    <rPh sb="21" eb="23">
      <t>イジョウ</t>
    </rPh>
    <rPh sb="24" eb="26">
      <t>シュクチョク</t>
    </rPh>
    <rPh sb="26" eb="27">
      <t>マタ</t>
    </rPh>
    <rPh sb="28" eb="30">
      <t>ヤカン</t>
    </rPh>
    <rPh sb="30" eb="32">
      <t>キンム</t>
    </rPh>
    <rPh sb="32" eb="34">
      <t>ショクイン</t>
    </rPh>
    <phoneticPr fontId="1"/>
  </si>
  <si>
    <t>　を配置しているか。</t>
    <phoneticPr fontId="1"/>
  </si>
  <si>
    <t>入所者に提供するサービスの内容及び利用料その他の費用の額</t>
    <rPh sb="0" eb="3">
      <t>ニュウショシャ</t>
    </rPh>
    <rPh sb="4" eb="6">
      <t>テイキョウ</t>
    </rPh>
    <rPh sb="13" eb="15">
      <t>ナイヨウ</t>
    </rPh>
    <rPh sb="15" eb="16">
      <t>オヨ</t>
    </rPh>
    <rPh sb="17" eb="20">
      <t>リヨウリョウ</t>
    </rPh>
    <rPh sb="22" eb="23">
      <t>タ</t>
    </rPh>
    <rPh sb="24" eb="26">
      <t>ヒヨウ</t>
    </rPh>
    <rPh sb="27" eb="28">
      <t>ガク</t>
    </rPh>
    <phoneticPr fontId="1"/>
  </si>
  <si>
    <t>５　対象者</t>
    <rPh sb="2" eb="5">
      <t>タイショウシャ</t>
    </rPh>
    <phoneticPr fontId="1"/>
  </si>
  <si>
    <t>(1) 入所者は、身体機能の低下等により自立した日常生活を営むことに</t>
    <rPh sb="4" eb="7">
      <t>ニュウショシャ</t>
    </rPh>
    <rPh sb="9" eb="11">
      <t>シンタイ</t>
    </rPh>
    <rPh sb="11" eb="13">
      <t>キノウ</t>
    </rPh>
    <rPh sb="14" eb="16">
      <t>テイカ</t>
    </rPh>
    <rPh sb="16" eb="17">
      <t>トウ</t>
    </rPh>
    <rPh sb="20" eb="22">
      <t>ジリツ</t>
    </rPh>
    <rPh sb="24" eb="26">
      <t>ニチジョウ</t>
    </rPh>
    <rPh sb="26" eb="28">
      <t>セイカツ</t>
    </rPh>
    <rPh sb="29" eb="30">
      <t>イトナ</t>
    </rPh>
    <phoneticPr fontId="1"/>
  </si>
  <si>
    <t>　ついて不安があると認められ、家族による援助を受けることが困難な</t>
    <phoneticPr fontId="1"/>
  </si>
  <si>
    <t>　６０歳以上の者であるか。</t>
    <phoneticPr fontId="1"/>
  </si>
  <si>
    <t>６　入退所</t>
    <rPh sb="2" eb="3">
      <t>ニュウ</t>
    </rPh>
    <rPh sb="3" eb="5">
      <t>タイショ</t>
    </rPh>
    <phoneticPr fontId="1"/>
  </si>
  <si>
    <t>７　サービスの提供の記録</t>
    <rPh sb="7" eb="9">
      <t>テイキョウ</t>
    </rPh>
    <rPh sb="10" eb="12">
      <t>キロク</t>
    </rPh>
    <phoneticPr fontId="1"/>
  </si>
  <si>
    <t>８　利用料の受領</t>
    <rPh sb="2" eb="5">
      <t>リヨウリョウ</t>
    </rPh>
    <rPh sb="6" eb="8">
      <t>ズリョウ</t>
    </rPh>
    <phoneticPr fontId="1"/>
  </si>
  <si>
    <t>【入所者が選定する特別なサービスの提供を行ったことに伴い必要となる費用】
・軽費老人ホームとして行うサービス以外の一時的疾病時における深夜介護に要する費用（特定施設入居者生活介護の
　指定を受けている施設を除く。）及びクラブ活動費等入所者個人に負担を求めることが適当と認められる趣味・娯楽
　等に要する費用をいうものであり、次のような費用は含まないものであること。
　ア　「共益費」などのあいまいな名目の費用
　イ　第1号から第4号に該当する費用
　ウ　新規入所の際に、敷金、礼金、保証金等の名目で徴収する費用（退去時における居室の原状回復費用及び利用料
　　が滞納された場合の保証金として、第1号から第3号に係る費用を合算した徴収額の3か月分（おおむね30万円を超
　　えない部分に限る。）の範囲で徴収する費用を除く。）
　　※保証金は、退去時に居室の原状回復費用を除き、全額返還すること。なお、原状回復の費用負担については、「
　　　原状回復をめぐるトラブルとガイドライン」（平成10年3月建設省住宅局・（財）不動産適正取引推進機構）を
　　　参考にすること。</t>
    <rPh sb="38" eb="40">
      <t>ケイヒ</t>
    </rPh>
    <rPh sb="40" eb="42">
      <t>ロウジン</t>
    </rPh>
    <rPh sb="48" eb="49">
      <t>オコナ</t>
    </rPh>
    <rPh sb="54" eb="56">
      <t>イガイ</t>
    </rPh>
    <rPh sb="57" eb="60">
      <t>イチジテキ</t>
    </rPh>
    <rPh sb="60" eb="62">
      <t>シッペイ</t>
    </rPh>
    <rPh sb="62" eb="63">
      <t>ジ</t>
    </rPh>
    <rPh sb="67" eb="69">
      <t>シンヤ</t>
    </rPh>
    <rPh sb="69" eb="71">
      <t>カイゴ</t>
    </rPh>
    <rPh sb="72" eb="73">
      <t>ヨウ</t>
    </rPh>
    <rPh sb="75" eb="77">
      <t>ヒヨウ</t>
    </rPh>
    <rPh sb="78" eb="80">
      <t>トクテイ</t>
    </rPh>
    <rPh sb="80" eb="82">
      <t>シセツ</t>
    </rPh>
    <rPh sb="82" eb="85">
      <t>ニュウキョシャ</t>
    </rPh>
    <rPh sb="85" eb="87">
      <t>セイカツ</t>
    </rPh>
    <rPh sb="87" eb="89">
      <t>カイゴ</t>
    </rPh>
    <rPh sb="92" eb="94">
      <t>シテイ</t>
    </rPh>
    <rPh sb="95" eb="96">
      <t>ウ</t>
    </rPh>
    <rPh sb="100" eb="102">
      <t>シセツ</t>
    </rPh>
    <rPh sb="103" eb="104">
      <t>ノゾ</t>
    </rPh>
    <rPh sb="107" eb="108">
      <t>オヨ</t>
    </rPh>
    <rPh sb="112" eb="114">
      <t>カツドウ</t>
    </rPh>
    <rPh sb="114" eb="115">
      <t>ヒ</t>
    </rPh>
    <rPh sb="115" eb="116">
      <t>トウ</t>
    </rPh>
    <rPh sb="116" eb="119">
      <t>ニュウショシャ</t>
    </rPh>
    <rPh sb="119" eb="121">
      <t>コジン</t>
    </rPh>
    <rPh sb="122" eb="124">
      <t>フタン</t>
    </rPh>
    <rPh sb="125" eb="126">
      <t>モト</t>
    </rPh>
    <rPh sb="131" eb="133">
      <t>テキトウ</t>
    </rPh>
    <rPh sb="134" eb="135">
      <t>ミト</t>
    </rPh>
    <rPh sb="139" eb="141">
      <t>シュミ</t>
    </rPh>
    <rPh sb="142" eb="144">
      <t>ゴラク</t>
    </rPh>
    <rPh sb="146" eb="147">
      <t>トウ</t>
    </rPh>
    <rPh sb="148" eb="149">
      <t>ヨウ</t>
    </rPh>
    <rPh sb="151" eb="153">
      <t>ヒヨウ</t>
    </rPh>
    <rPh sb="162" eb="163">
      <t>ツギ</t>
    </rPh>
    <rPh sb="167" eb="169">
      <t>ヒヨウ</t>
    </rPh>
    <rPh sb="170" eb="171">
      <t>フク</t>
    </rPh>
    <rPh sb="187" eb="190">
      <t>キョウエキヒ</t>
    </rPh>
    <rPh sb="199" eb="201">
      <t>メイモク</t>
    </rPh>
    <rPh sb="202" eb="204">
      <t>ヒヨウ</t>
    </rPh>
    <rPh sb="208" eb="209">
      <t>ダイ</t>
    </rPh>
    <rPh sb="210" eb="211">
      <t>ゴウ</t>
    </rPh>
    <rPh sb="213" eb="214">
      <t>ダイ</t>
    </rPh>
    <rPh sb="215" eb="216">
      <t>ゴウ</t>
    </rPh>
    <rPh sb="217" eb="219">
      <t>ガイトウ</t>
    </rPh>
    <rPh sb="221" eb="223">
      <t>ヒヨウ</t>
    </rPh>
    <rPh sb="227" eb="229">
      <t>シンキ</t>
    </rPh>
    <rPh sb="229" eb="231">
      <t>ニュウショ</t>
    </rPh>
    <rPh sb="232" eb="233">
      <t>サイ</t>
    </rPh>
    <rPh sb="235" eb="237">
      <t>シキキン</t>
    </rPh>
    <rPh sb="238" eb="240">
      <t>レイキン</t>
    </rPh>
    <rPh sb="241" eb="244">
      <t>ホショウキン</t>
    </rPh>
    <rPh sb="244" eb="245">
      <t>トウ</t>
    </rPh>
    <rPh sb="246" eb="248">
      <t>メイモク</t>
    </rPh>
    <rPh sb="249" eb="251">
      <t>チョウシュウ</t>
    </rPh>
    <rPh sb="253" eb="255">
      <t>ヒヨウ</t>
    </rPh>
    <rPh sb="256" eb="258">
      <t>タイキョ</t>
    </rPh>
    <rPh sb="258" eb="259">
      <t>ジ</t>
    </rPh>
    <rPh sb="263" eb="265">
      <t>キョシツ</t>
    </rPh>
    <rPh sb="266" eb="268">
      <t>ゲンジョウ</t>
    </rPh>
    <rPh sb="268" eb="270">
      <t>カイフク</t>
    </rPh>
    <rPh sb="270" eb="272">
      <t>ヒヨウ</t>
    </rPh>
    <rPh sb="272" eb="273">
      <t>オヨ</t>
    </rPh>
    <rPh sb="274" eb="277">
      <t>リヨウリョウ</t>
    </rPh>
    <rPh sb="281" eb="283">
      <t>タイノウ</t>
    </rPh>
    <rPh sb="286" eb="288">
      <t>バアイ</t>
    </rPh>
    <rPh sb="289" eb="292">
      <t>ホショウキン</t>
    </rPh>
    <rPh sb="296" eb="297">
      <t>ダイ</t>
    </rPh>
    <rPh sb="298" eb="299">
      <t>ゴウ</t>
    </rPh>
    <rPh sb="301" eb="302">
      <t>ダイ</t>
    </rPh>
    <rPh sb="303" eb="304">
      <t>ゴウ</t>
    </rPh>
    <rPh sb="305" eb="306">
      <t>カカ</t>
    </rPh>
    <rPh sb="307" eb="309">
      <t>ヒヨウ</t>
    </rPh>
    <rPh sb="310" eb="312">
      <t>ガッサン</t>
    </rPh>
    <rPh sb="314" eb="317">
      <t>チョウシュウガク</t>
    </rPh>
    <rPh sb="320" eb="321">
      <t>ゲツ</t>
    </rPh>
    <rPh sb="321" eb="322">
      <t>ブン</t>
    </rPh>
    <rPh sb="329" eb="331">
      <t>マンエン</t>
    </rPh>
    <rPh sb="332" eb="333">
      <t>コ</t>
    </rPh>
    <rPh sb="339" eb="341">
      <t>ブブン</t>
    </rPh>
    <rPh sb="342" eb="343">
      <t>カギ</t>
    </rPh>
    <rPh sb="347" eb="349">
      <t>ハンイ</t>
    </rPh>
    <rPh sb="350" eb="352">
      <t>チョウシュウ</t>
    </rPh>
    <rPh sb="354" eb="356">
      <t>ヒヨウ</t>
    </rPh>
    <rPh sb="357" eb="358">
      <t>ノゾ</t>
    </rPh>
    <rPh sb="365" eb="368">
      <t>ホショウキン</t>
    </rPh>
    <rPh sb="370" eb="372">
      <t>タイキョ</t>
    </rPh>
    <rPh sb="372" eb="373">
      <t>ジ</t>
    </rPh>
    <rPh sb="374" eb="376">
      <t>キョシツ</t>
    </rPh>
    <rPh sb="377" eb="379">
      <t>ゲンジョウ</t>
    </rPh>
    <rPh sb="379" eb="381">
      <t>カイフク</t>
    </rPh>
    <rPh sb="381" eb="383">
      <t>ヒヨウ</t>
    </rPh>
    <rPh sb="384" eb="385">
      <t>ノゾ</t>
    </rPh>
    <rPh sb="387" eb="389">
      <t>ゼンガク</t>
    </rPh>
    <rPh sb="389" eb="391">
      <t>ヘンカン</t>
    </rPh>
    <rPh sb="399" eb="401">
      <t>ゲンジョウ</t>
    </rPh>
    <rPh sb="401" eb="403">
      <t>カイフク</t>
    </rPh>
    <rPh sb="404" eb="406">
      <t>ヒヨウ</t>
    </rPh>
    <rPh sb="406" eb="408">
      <t>フタン</t>
    </rPh>
    <rPh sb="421" eb="423">
      <t>カイフク</t>
    </rPh>
    <rPh sb="440" eb="442">
      <t>ヘイセイ</t>
    </rPh>
    <rPh sb="444" eb="445">
      <t>ネン</t>
    </rPh>
    <rPh sb="446" eb="447">
      <t>ガツ</t>
    </rPh>
    <rPh sb="447" eb="450">
      <t>ケンセツショウ</t>
    </rPh>
    <rPh sb="450" eb="452">
      <t>ジュウタク</t>
    </rPh>
    <rPh sb="452" eb="453">
      <t>キョク</t>
    </rPh>
    <rPh sb="455" eb="456">
      <t>ザイ</t>
    </rPh>
    <rPh sb="457" eb="460">
      <t>フドウサン</t>
    </rPh>
    <rPh sb="460" eb="462">
      <t>テキセイ</t>
    </rPh>
    <rPh sb="462" eb="464">
      <t>トリヒキ</t>
    </rPh>
    <rPh sb="464" eb="466">
      <t>スイシン</t>
    </rPh>
    <rPh sb="466" eb="468">
      <t>キコウ</t>
    </rPh>
    <rPh sb="474" eb="476">
      <t>サンコウ</t>
    </rPh>
    <phoneticPr fontId="1"/>
  </si>
  <si>
    <t>・報告、改善のための方策を定め、周知徹底する目的は、身体的拘束等の適正化について施設全体で情報共有し、今後
　の再発防止につなげるためのものであり、決して従業者の懲罰を目的としたものではないことに留意すること。
・具体的には次のようなことを想定している。
　①身体的拘束等について報告するための様式の整備
　②介護職員その他の従業者は、身体的拘束等の発生ごとにその状況、背景等を記録し、①の様式により報告する。
　③委員会において、②により報告された事例を集計し、分析する。
　④事例の分析に当たっては、発生時の状況等を分析し、発生原因、結果等をとりまとめ、当該事例の適正性と適正化
　　策を検討する。
　⑤報告された事例及び分析結果を従業者に周知徹底する。
　⑥適正化策を講じた後に、その効果について評価する。</t>
    <phoneticPr fontId="1"/>
  </si>
  <si>
    <t>１３　健康の保持</t>
    <rPh sb="3" eb="5">
      <t>ケンコウ</t>
    </rPh>
    <rPh sb="6" eb="8">
      <t>ホジ</t>
    </rPh>
    <phoneticPr fontId="1"/>
  </si>
  <si>
    <t>◎基準条例第21条
1 軽費老人ホームは、入所者について、定期的に健康診断を受ける機会を提供しなければならない。
2 軽費老人ホームは、入所者について、健康の保持に努めなければならない。
○解釈通知第5-8
・職員については、労働安全衛生規則又は地方公共団体の実施する方法に従って健康診断を行うこと。
・定期的に調理に従事する職員の検便を行うこと。</t>
    <rPh sb="1" eb="5">
      <t>キジュンジョウレイ</t>
    </rPh>
    <rPh sb="95" eb="100">
      <t>カイシャクツウチダイ</t>
    </rPh>
    <rPh sb="105" eb="107">
      <t>ショクイン</t>
    </rPh>
    <rPh sb="113" eb="115">
      <t>ロウドウ</t>
    </rPh>
    <rPh sb="115" eb="117">
      <t>アンゼン</t>
    </rPh>
    <rPh sb="117" eb="119">
      <t>エイセイ</t>
    </rPh>
    <rPh sb="119" eb="121">
      <t>キソク</t>
    </rPh>
    <rPh sb="121" eb="122">
      <t>マタ</t>
    </rPh>
    <rPh sb="123" eb="125">
      <t>チホウ</t>
    </rPh>
    <rPh sb="125" eb="127">
      <t>コウキョウ</t>
    </rPh>
    <rPh sb="127" eb="129">
      <t>ダンタイ</t>
    </rPh>
    <rPh sb="130" eb="132">
      <t>ジッシ</t>
    </rPh>
    <rPh sb="134" eb="136">
      <t>ホウホウ</t>
    </rPh>
    <rPh sb="137" eb="138">
      <t>シタガ</t>
    </rPh>
    <rPh sb="140" eb="142">
      <t>ケンコウ</t>
    </rPh>
    <rPh sb="142" eb="144">
      <t>シンダン</t>
    </rPh>
    <rPh sb="145" eb="146">
      <t>オコナ</t>
    </rPh>
    <rPh sb="152" eb="155">
      <t>テイキテキ</t>
    </rPh>
    <rPh sb="156" eb="158">
      <t>チョウリ</t>
    </rPh>
    <rPh sb="159" eb="161">
      <t>ジュウジ</t>
    </rPh>
    <rPh sb="163" eb="165">
      <t>ショクイン</t>
    </rPh>
    <rPh sb="166" eb="168">
      <t>ケンベン</t>
    </rPh>
    <rPh sb="169" eb="170">
      <t>オコナ</t>
    </rPh>
    <phoneticPr fontId="1"/>
  </si>
  <si>
    <t>【事業主が講じることが望ましい取組】
・パワーハラスメント指針においては、顧客等からの著しい迷惑行為（カスタマーハラスメント）の防止のために事業
　者が雇用管理上の配慮として行うことが望ましい取組の例として、
　①相談に応じ、適切に対応するために必要な体制の整備
　②被害者への配慮のための取組（メンタルヘルス不調への相談対応、行為者に対して一人で対応させない等）
　③被害防止のための取組（マニュアル作成や研修の実施等、業種・業態等の状況に応じた取組）
　が規定されている。
・福祉・介護現場では特に、入所者又はその家族等からのカスタマーハラスメントの防止が求められていることから、
　必要な措置を講じるに当たっては、「介護現場におけるハラスメント対策マニュアル」、「（管理職・職員向け）研
　修のための手引き」等を参考にした取組を行うことが望ましい。</t>
    <rPh sb="29" eb="31">
      <t>シシン</t>
    </rPh>
    <rPh sb="37" eb="39">
      <t>コキャク</t>
    </rPh>
    <rPh sb="39" eb="40">
      <t>トウ</t>
    </rPh>
    <rPh sb="43" eb="44">
      <t>イチジル</t>
    </rPh>
    <rPh sb="46" eb="48">
      <t>メイワク</t>
    </rPh>
    <rPh sb="48" eb="50">
      <t>コウイ</t>
    </rPh>
    <rPh sb="64" eb="66">
      <t>ボウシ</t>
    </rPh>
    <rPh sb="74" eb="75">
      <t>モノ</t>
    </rPh>
    <rPh sb="76" eb="78">
      <t>コヨウ</t>
    </rPh>
    <rPh sb="78" eb="80">
      <t>カンリ</t>
    </rPh>
    <rPh sb="80" eb="81">
      <t>ジョウ</t>
    </rPh>
    <rPh sb="82" eb="84">
      <t>ハイリョ</t>
    </rPh>
    <rPh sb="87" eb="88">
      <t>オコナ</t>
    </rPh>
    <rPh sb="92" eb="93">
      <t>ノゾ</t>
    </rPh>
    <rPh sb="96" eb="98">
      <t>トリクミ</t>
    </rPh>
    <rPh sb="99" eb="100">
      <t>レイ</t>
    </rPh>
    <rPh sb="107" eb="109">
      <t>ソウダン</t>
    </rPh>
    <rPh sb="110" eb="111">
      <t>オウ</t>
    </rPh>
    <rPh sb="113" eb="115">
      <t>テキセツ</t>
    </rPh>
    <rPh sb="116" eb="118">
      <t>タイオウ</t>
    </rPh>
    <rPh sb="123" eb="125">
      <t>ヒツヨウ</t>
    </rPh>
    <rPh sb="126" eb="128">
      <t>タイセイ</t>
    </rPh>
    <rPh sb="129" eb="131">
      <t>セイビ</t>
    </rPh>
    <rPh sb="134" eb="137">
      <t>ヒガイシャ</t>
    </rPh>
    <rPh sb="139" eb="141">
      <t>ハイリョ</t>
    </rPh>
    <rPh sb="145" eb="147">
      <t>トリクミ</t>
    </rPh>
    <rPh sb="155" eb="157">
      <t>フチョウ</t>
    </rPh>
    <rPh sb="159" eb="161">
      <t>ソウダン</t>
    </rPh>
    <rPh sb="161" eb="163">
      <t>タイオウ</t>
    </rPh>
    <rPh sb="164" eb="167">
      <t>コウイシャ</t>
    </rPh>
    <rPh sb="168" eb="169">
      <t>タイ</t>
    </rPh>
    <rPh sb="171" eb="173">
      <t>ヒトリ</t>
    </rPh>
    <rPh sb="174" eb="176">
      <t>タイオウ</t>
    </rPh>
    <rPh sb="180" eb="181">
      <t>トウ</t>
    </rPh>
    <rPh sb="185" eb="187">
      <t>ヒガイ</t>
    </rPh>
    <rPh sb="187" eb="189">
      <t>ボウシ</t>
    </rPh>
    <rPh sb="193" eb="195">
      <t>トリクミ</t>
    </rPh>
    <rPh sb="201" eb="203">
      <t>サクセイ</t>
    </rPh>
    <rPh sb="204" eb="206">
      <t>ケンシュウ</t>
    </rPh>
    <rPh sb="207" eb="209">
      <t>ジッシ</t>
    </rPh>
    <rPh sb="209" eb="210">
      <t>トウ</t>
    </rPh>
    <rPh sb="211" eb="213">
      <t>ギョウシュ</t>
    </rPh>
    <rPh sb="214" eb="216">
      <t>ギョウタイ</t>
    </rPh>
    <rPh sb="216" eb="217">
      <t>トウ</t>
    </rPh>
    <rPh sb="218" eb="220">
      <t>ジョウキョウ</t>
    </rPh>
    <rPh sb="221" eb="222">
      <t>オウ</t>
    </rPh>
    <rPh sb="224" eb="226">
      <t>トリクミ</t>
    </rPh>
    <rPh sb="230" eb="232">
      <t>キテイ</t>
    </rPh>
    <rPh sb="240" eb="242">
      <t>フクシ</t>
    </rPh>
    <rPh sb="243" eb="245">
      <t>カイゴ</t>
    </rPh>
    <rPh sb="245" eb="247">
      <t>ゲンバ</t>
    </rPh>
    <rPh sb="249" eb="250">
      <t>トク</t>
    </rPh>
    <rPh sb="252" eb="255">
      <t>ニュウショシャ</t>
    </rPh>
    <rPh sb="255" eb="256">
      <t>マタ</t>
    </rPh>
    <rPh sb="259" eb="261">
      <t>カゾク</t>
    </rPh>
    <rPh sb="261" eb="262">
      <t>トウ</t>
    </rPh>
    <rPh sb="277" eb="279">
      <t>ボウシ</t>
    </rPh>
    <rPh sb="280" eb="281">
      <t>モト</t>
    </rPh>
    <rPh sb="294" eb="296">
      <t>ヒツヨウ</t>
    </rPh>
    <rPh sb="297" eb="299">
      <t>ソチ</t>
    </rPh>
    <rPh sb="300" eb="301">
      <t>コウ</t>
    </rPh>
    <rPh sb="304" eb="305">
      <t>ア</t>
    </rPh>
    <rPh sb="311" eb="313">
      <t>カイゴ</t>
    </rPh>
    <rPh sb="313" eb="315">
      <t>ゲンバ</t>
    </rPh>
    <rPh sb="325" eb="327">
      <t>タイサク</t>
    </rPh>
    <rPh sb="336" eb="338">
      <t>カンリ</t>
    </rPh>
    <rPh sb="338" eb="339">
      <t>ショク</t>
    </rPh>
    <rPh sb="340" eb="342">
      <t>ショクイン</t>
    </rPh>
    <rPh sb="342" eb="343">
      <t>ム</t>
    </rPh>
    <rPh sb="353" eb="355">
      <t>テビ</t>
    </rPh>
    <rPh sb="357" eb="358">
      <t>トウ</t>
    </rPh>
    <rPh sb="359" eb="361">
      <t>サンコウ</t>
    </rPh>
    <rPh sb="364" eb="366">
      <t>トリクミ</t>
    </rPh>
    <rPh sb="367" eb="368">
      <t>オコナ</t>
    </rPh>
    <rPh sb="372" eb="373">
      <t>ノゾ</t>
    </rPh>
    <phoneticPr fontId="1"/>
  </si>
  <si>
    <t>【研修関係】
・研修の内容は感染症及び災害に係る業務継続計画の具体的内容を職員間に共有するとともに、平常時の対応の必要性
　や、緊急時の対応に係る理解の励行を行うものとする。
・職員教育を組織的に浸透させていくために、定期的（年2回以上）な教育を開催するとともに、新規採用時には別に
　研修を実施すること。
・研修の実施内容についても記録すること。
・感染症の予防及びまん延の防止のための研修と一体的に実施することも差し支えない。</t>
    <rPh sb="1" eb="3">
      <t>ケンシュウ</t>
    </rPh>
    <rPh sb="3" eb="5">
      <t>カンケイ</t>
    </rPh>
    <rPh sb="155" eb="157">
      <t>ケンシュウ</t>
    </rPh>
    <rPh sb="158" eb="160">
      <t>ジッシ</t>
    </rPh>
    <rPh sb="160" eb="162">
      <t>ナイヨウ</t>
    </rPh>
    <rPh sb="167" eb="169">
      <t>キロク</t>
    </rPh>
    <phoneticPr fontId="1"/>
  </si>
  <si>
    <t>○解釈通知第5-12-(1)（第1項関係）
　次の点に留意すること。
　①調理及び配膳に伴う衛生は、食品衛生法等関係法規に準じて行われなければならない。
　　なお、食事の提供に使用する食器等の消毒も適正に行われなければならないこと。
　②水道法の適用されない小規模の水道についても、市営水道、専用水道等の場合と同様、水質検査、塩素消毒法等衛
　　生上必要な措置を講じること。
　③常に施設内外を清潔に保つとともに、毎年1回以上大掃除を行うこと。
　④食中毒及び感染症の発生を防止するための措置等について、必要に応じて保健所の助言、指導を求めるとともに、
　　常に密接な連携を保つこと。
　⑤特にインフルエンザ対策、腸管出血性大腸菌感染症対策、レジオネラ症対策等については、その発生及びまん延を
　　防止するための措置について、別途通知等が発出されているので、これに基づき、適切な措置を講じること。
　⑥空調設備等により施設内の適温の確保に努めること。</t>
    <rPh sb="1" eb="3">
      <t>カイシャク</t>
    </rPh>
    <rPh sb="3" eb="5">
      <t>ツウチ</t>
    </rPh>
    <rPh sb="5" eb="6">
      <t>ダイ</t>
    </rPh>
    <rPh sb="15" eb="16">
      <t>ダイ</t>
    </rPh>
    <rPh sb="17" eb="18">
      <t>コウ</t>
    </rPh>
    <rPh sb="18" eb="20">
      <t>カンケイ</t>
    </rPh>
    <rPh sb="23" eb="24">
      <t>ツギ</t>
    </rPh>
    <rPh sb="25" eb="26">
      <t>テン</t>
    </rPh>
    <rPh sb="27" eb="29">
      <t>リュウイ</t>
    </rPh>
    <rPh sb="37" eb="39">
      <t>チョウリ</t>
    </rPh>
    <rPh sb="39" eb="40">
      <t>オヨ</t>
    </rPh>
    <rPh sb="41" eb="43">
      <t>ハイゼン</t>
    </rPh>
    <rPh sb="44" eb="45">
      <t>トモナ</t>
    </rPh>
    <rPh sb="46" eb="48">
      <t>エイセイ</t>
    </rPh>
    <rPh sb="50" eb="52">
      <t>ショクヒン</t>
    </rPh>
    <rPh sb="52" eb="55">
      <t>エイセイホウ</t>
    </rPh>
    <rPh sb="55" eb="56">
      <t>トウ</t>
    </rPh>
    <rPh sb="56" eb="58">
      <t>カンケイ</t>
    </rPh>
    <rPh sb="58" eb="60">
      <t>ホウキ</t>
    </rPh>
    <rPh sb="61" eb="62">
      <t>ジュン</t>
    </rPh>
    <rPh sb="64" eb="65">
      <t>オコナ</t>
    </rPh>
    <rPh sb="82" eb="84">
      <t>ショクジ</t>
    </rPh>
    <rPh sb="85" eb="87">
      <t>テイキョウ</t>
    </rPh>
    <rPh sb="88" eb="90">
      <t>シヨウ</t>
    </rPh>
    <rPh sb="92" eb="94">
      <t>ショッキ</t>
    </rPh>
    <rPh sb="94" eb="95">
      <t>トウ</t>
    </rPh>
    <rPh sb="96" eb="98">
      <t>ショウドク</t>
    </rPh>
    <rPh sb="99" eb="101">
      <t>テキセイ</t>
    </rPh>
    <rPh sb="102" eb="103">
      <t>オコナ</t>
    </rPh>
    <rPh sb="119" eb="121">
      <t>スイドウ</t>
    </rPh>
    <rPh sb="121" eb="122">
      <t>ホウ</t>
    </rPh>
    <rPh sb="123" eb="125">
      <t>テキヨウ</t>
    </rPh>
    <rPh sb="129" eb="132">
      <t>ショウキボ</t>
    </rPh>
    <rPh sb="133" eb="135">
      <t>スイドウ</t>
    </rPh>
    <rPh sb="141" eb="143">
      <t>シエイ</t>
    </rPh>
    <rPh sb="143" eb="145">
      <t>スイドウ</t>
    </rPh>
    <rPh sb="146" eb="148">
      <t>センヨウ</t>
    </rPh>
    <rPh sb="148" eb="150">
      <t>スイドウ</t>
    </rPh>
    <rPh sb="150" eb="151">
      <t>トウ</t>
    </rPh>
    <rPh sb="152" eb="154">
      <t>バアイ</t>
    </rPh>
    <rPh sb="155" eb="157">
      <t>ドウヨウ</t>
    </rPh>
    <rPh sb="158" eb="160">
      <t>スイシツ</t>
    </rPh>
    <rPh sb="160" eb="162">
      <t>ケンサ</t>
    </rPh>
    <rPh sb="163" eb="165">
      <t>エンソ</t>
    </rPh>
    <rPh sb="165" eb="167">
      <t>ショウドク</t>
    </rPh>
    <rPh sb="167" eb="168">
      <t>ホウ</t>
    </rPh>
    <rPh sb="168" eb="169">
      <t>トウ</t>
    </rPh>
    <rPh sb="174" eb="175">
      <t>ジョウ</t>
    </rPh>
    <rPh sb="175" eb="177">
      <t>ヒツヨウ</t>
    </rPh>
    <rPh sb="178" eb="180">
      <t>ソチ</t>
    </rPh>
    <rPh sb="181" eb="182">
      <t>コウ</t>
    </rPh>
    <rPh sb="190" eb="191">
      <t>ツネ</t>
    </rPh>
    <rPh sb="192" eb="194">
      <t>シセツ</t>
    </rPh>
    <rPh sb="194" eb="195">
      <t>ナイ</t>
    </rPh>
    <rPh sb="195" eb="196">
      <t>ガイ</t>
    </rPh>
    <rPh sb="197" eb="199">
      <t>セイケツ</t>
    </rPh>
    <rPh sb="200" eb="201">
      <t>タモ</t>
    </rPh>
    <rPh sb="207" eb="209">
      <t>マイトシ</t>
    </rPh>
    <rPh sb="210" eb="211">
      <t>カイ</t>
    </rPh>
    <rPh sb="211" eb="213">
      <t>イジョウ</t>
    </rPh>
    <rPh sb="213" eb="216">
      <t>オオソウジ</t>
    </rPh>
    <rPh sb="217" eb="218">
      <t>オコナ</t>
    </rPh>
    <rPh sb="225" eb="228">
      <t>ショクチュウドク</t>
    </rPh>
    <rPh sb="228" eb="229">
      <t>オヨ</t>
    </rPh>
    <rPh sb="230" eb="233">
      <t>カンセンショウ</t>
    </rPh>
    <rPh sb="234" eb="236">
      <t>ハッセイ</t>
    </rPh>
    <rPh sb="237" eb="239">
      <t>ボウシ</t>
    </rPh>
    <rPh sb="244" eb="246">
      <t>ソチ</t>
    </rPh>
    <rPh sb="246" eb="247">
      <t>トウ</t>
    </rPh>
    <rPh sb="252" eb="254">
      <t>ヒツヨウ</t>
    </rPh>
    <rPh sb="255" eb="256">
      <t>オウ</t>
    </rPh>
    <rPh sb="258" eb="261">
      <t>ホケンジョ</t>
    </rPh>
    <rPh sb="262" eb="264">
      <t>ジョゲン</t>
    </rPh>
    <rPh sb="265" eb="267">
      <t>シドウ</t>
    </rPh>
    <rPh sb="268" eb="269">
      <t>モト</t>
    </rPh>
    <rPh sb="279" eb="280">
      <t>ツネ</t>
    </rPh>
    <rPh sb="281" eb="283">
      <t>ミッセツ</t>
    </rPh>
    <rPh sb="284" eb="286">
      <t>レンケイ</t>
    </rPh>
    <rPh sb="287" eb="288">
      <t>タモ</t>
    </rPh>
    <rPh sb="295" eb="296">
      <t>トク</t>
    </rPh>
    <rPh sb="304" eb="306">
      <t>タイサク</t>
    </rPh>
    <rPh sb="307" eb="309">
      <t>チョウカン</t>
    </rPh>
    <rPh sb="309" eb="312">
      <t>シュッケツセイ</t>
    </rPh>
    <rPh sb="312" eb="315">
      <t>ダイチョウキン</t>
    </rPh>
    <rPh sb="315" eb="318">
      <t>カンセンショウ</t>
    </rPh>
    <rPh sb="318" eb="320">
      <t>タイサク</t>
    </rPh>
    <rPh sb="326" eb="327">
      <t>ショウ</t>
    </rPh>
    <rPh sb="327" eb="329">
      <t>タイサク</t>
    </rPh>
    <rPh sb="329" eb="330">
      <t>トウ</t>
    </rPh>
    <rPh sb="338" eb="340">
      <t>ハッセイ</t>
    </rPh>
    <rPh sb="340" eb="341">
      <t>オヨ</t>
    </rPh>
    <rPh sb="344" eb="345">
      <t>エン</t>
    </rPh>
    <rPh sb="349" eb="351">
      <t>ボウシ</t>
    </rPh>
    <rPh sb="356" eb="358">
      <t>ソチ</t>
    </rPh>
    <rPh sb="363" eb="365">
      <t>ベット</t>
    </rPh>
    <rPh sb="365" eb="367">
      <t>ツウチ</t>
    </rPh>
    <rPh sb="367" eb="368">
      <t>トウ</t>
    </rPh>
    <rPh sb="369" eb="371">
      <t>ハッシュツ</t>
    </rPh>
    <rPh sb="382" eb="383">
      <t>モト</t>
    </rPh>
    <rPh sb="386" eb="388">
      <t>テキセツ</t>
    </rPh>
    <rPh sb="389" eb="391">
      <t>ソチ</t>
    </rPh>
    <rPh sb="392" eb="393">
      <t>コウ</t>
    </rPh>
    <rPh sb="401" eb="403">
      <t>クウチョウ</t>
    </rPh>
    <rPh sb="403" eb="405">
      <t>セツビ</t>
    </rPh>
    <rPh sb="405" eb="406">
      <t>トウ</t>
    </rPh>
    <rPh sb="409" eb="411">
      <t>シセツ</t>
    </rPh>
    <rPh sb="411" eb="412">
      <t>ナイ</t>
    </rPh>
    <rPh sb="413" eb="415">
      <t>テキオン</t>
    </rPh>
    <rPh sb="416" eb="418">
      <t>カクホ</t>
    </rPh>
    <rPh sb="419" eb="420">
      <t>ツト</t>
    </rPh>
    <phoneticPr fontId="1"/>
  </si>
  <si>
    <t>(1) 協力医療機関を定めているか。</t>
    <rPh sb="4" eb="6">
      <t>キョウリョク</t>
    </rPh>
    <rPh sb="6" eb="8">
      <t>イリョウ</t>
    </rPh>
    <rPh sb="8" eb="10">
      <t>キカン</t>
    </rPh>
    <rPh sb="11" eb="12">
      <t>サダ</t>
    </rPh>
    <phoneticPr fontId="1"/>
  </si>
  <si>
    <t>○解釈通知第5-16
・必要な措置とは、苦情を受け付けるための窓口を設置することのほか、苦情窓口、苦情処理の体制及び手順等当該施
　設における苦情を処理するために講じる措置の概要について明らかにし、これを入所者又はその家族にサービスの内
　容を説明する文書に記載するとともに、施設内に掲示すること等である。
・苦情がサービスの質の向上を図る上での重要な情報であるとの認識に立ち、苦情の内容を踏まえ、サービスの質の向
　上に向けた取組を自ら行うべきである。
・苦情の内容等の記録は、5年間（※）保存しなければならない。
　※解釈通知上は基準省令の規定により完結の日から2年間とされているが、本市においては基準条例第9条の規定によ
　　り完結の日から5年間。</t>
    <rPh sb="277" eb="279">
      <t>カンケツ</t>
    </rPh>
    <rPh sb="280" eb="281">
      <t>ヒ</t>
    </rPh>
    <rPh sb="317" eb="319">
      <t>カンケツ</t>
    </rPh>
    <rPh sb="320" eb="321">
      <t>ヒ</t>
    </rPh>
    <phoneticPr fontId="1"/>
  </si>
  <si>
    <t>【事故発生の防止のための委員会】
・幅広い職種（例えば、施設長、事務長、介護職員、生活相談員、施設外の安全対策の専門家など）により構成し、構
　成メンバーの責務及び役割分担を明確にすることが必要である。
・事故防止検討委員会は、運営委員会など他の委員会と独立して設置・運営することが必要であるが、関係する職種、
　取り扱う事項等が相互に関係が深いと認められる他の会議体を設置している場合、これと一体的に設置・運営するこ
　とも差し支えない。
・事故防止検討委員会の責任者はケア全般の責任者であることが望ましい。
・事故防止検討委員会に施設外の安全対策の専門家を委員として積極的に活用することが望ましい。
・テレビ電話装置等を活用する際は、個人情報保護委員会・厚生労働省「医療・介護関係事業者における個人情報の適
　切な取扱いのためのガイダンス」、厚生労働省「医療情報システムの安全管理に関するガイドライン」等を遵守する
　こと。</t>
    <rPh sb="1" eb="3">
      <t>ジコ</t>
    </rPh>
    <rPh sb="3" eb="5">
      <t>ハッセイ</t>
    </rPh>
    <rPh sb="6" eb="8">
      <t>ボウシ</t>
    </rPh>
    <rPh sb="12" eb="15">
      <t>イインカイ</t>
    </rPh>
    <rPh sb="47" eb="50">
      <t>シセツガイ</t>
    </rPh>
    <rPh sb="51" eb="53">
      <t>アンゼン</t>
    </rPh>
    <rPh sb="53" eb="55">
      <t>タイサク</t>
    </rPh>
    <rPh sb="56" eb="59">
      <t>センモンカ</t>
    </rPh>
    <phoneticPr fontId="1"/>
  </si>
  <si>
    <t>○解釈通知第5-19
　虐待を未然に防止するための対策及び発生した場合の対応等については、高齢者虐待防止法に規定されているところ
　であり、その実効性を高め、入所者の尊厳の保持・人格の尊重が達成されるよう、次に掲げる観点から虐待の防止に
　関する措置を講じるものとする。
　①虐待の未然防止
　　施設は高齢者の尊厳保持・人格尊重に対する配慮を常に心がけながら入所者のケアにあたる必要があり、第2条の
　　基本方針に位置付けられているとおり、研修等を通じて、職員にそれらに関する理解を促す必要がある。同様に、
　　職員が高齢者虐待防止法等に規定する養介護施設の職員としての責務・適切な対応等を正しく理解していることも
　　重要である。
　②虐待等の早期発見
　　施設の職員は、虐待等を発見しやすい立場にあることから、虐待等を早期に発見できるよう、必要な措置（虐待等
　　に対する相談体制、市町村の通報窓口の周知等）がとられていることが望ましい。また、入所者及びその家族から
　　の虐待等に係る相談、入所者から市町村への虐待の届出について、適切な対応をすること。
　③虐待等への迅速かつ適切な対応
　　虐待が発生した場合には、速やかに市町村の窓口に通報される必要があり、施設は当該通報の手続が迅速かつ適切
　　に行われ、市町村等が行う虐待等に対する調査等に協力するよう努めることとする。</t>
    <rPh sb="1" eb="6">
      <t>カイシャクツウチダイ</t>
    </rPh>
    <rPh sb="148" eb="150">
      <t>シセツ</t>
    </rPh>
    <rPh sb="330" eb="332">
      <t>シセツ</t>
    </rPh>
    <rPh sb="533" eb="535">
      <t>シセツ</t>
    </rPh>
    <phoneticPr fontId="1"/>
  </si>
  <si>
    <t>◎基準条例第17条
3 軽費老人ホームは、入所者に対するサービスの提供に当たっては、当該入所者又は他の入所者等の生命又は身体を保
　護するため緊急やむを得ない場合を除き、身体的拘束その他入所者の行動を制限する行為（以下「身体的拘束等」と
　いう。）を行ってはならない。
4 軽費老人ホームは、身体的拘束等を行う場合は、その態様及び時間、その際の入所者の心身の状況並びに緊急やむを
　得ない理由を記録しなければならない。
5 軽費老人ホームは、身体的拘束等の適正化を図るため、次に掲げる措置を講じなければならない。
　(1) 身体的拘束等の適正化のための対策を検討する委員会（テレビ電話装置その他の情報通信機器（以下「テレビ電
　　話装置等」という。）を活用して行うことができるものとする。）を3月に1回以上開催するとともに、その結果に
　　ついて、介護職員その他の従業者に周知徹底を図ること。
　(2) 身体的拘束等の適正化のための指針を整備すること。
　(3) 介護職員その他の従業者に対し、身体的拘束等の適正化のための研修を定期的に実施すること。</t>
    <rPh sb="1" eb="3">
      <t>キジュン</t>
    </rPh>
    <rPh sb="3" eb="5">
      <t>ジョウレイ</t>
    </rPh>
    <phoneticPr fontId="1"/>
  </si>
  <si>
    <t>□入所者一覧表</t>
    <rPh sb="1" eb="4">
      <t>ニュウショシャ</t>
    </rPh>
    <rPh sb="4" eb="7">
      <t>イチランヒョウ</t>
    </rPh>
    <phoneticPr fontId="1"/>
  </si>
  <si>
    <t>(1) 入所者の心身の状況、生活歴、家族の状況等の把握に努めているか。</t>
    <rPh sb="4" eb="7">
      <t>ニュウショシャ</t>
    </rPh>
    <rPh sb="8" eb="10">
      <t>シンシン</t>
    </rPh>
    <rPh sb="11" eb="13">
      <t>ジョウキョウ</t>
    </rPh>
    <rPh sb="14" eb="16">
      <t>セイカツ</t>
    </rPh>
    <rPh sb="16" eb="17">
      <t>レキ</t>
    </rPh>
    <rPh sb="18" eb="20">
      <t>カゾク</t>
    </rPh>
    <rPh sb="21" eb="23">
      <t>ジョウキョウ</t>
    </rPh>
    <rPh sb="23" eb="24">
      <t>トウ</t>
    </rPh>
    <rPh sb="25" eb="27">
      <t>ハアク</t>
    </rPh>
    <rPh sb="28" eb="29">
      <t>ツト</t>
    </rPh>
    <phoneticPr fontId="1"/>
  </si>
  <si>
    <t>(2) 入所が困難となった入所者に対し、入所者やその家族の希望を十分</t>
    <rPh sb="4" eb="6">
      <t>ニュウショ</t>
    </rPh>
    <rPh sb="7" eb="9">
      <t>コンナン</t>
    </rPh>
    <rPh sb="13" eb="16">
      <t>ニュウショシャ</t>
    </rPh>
    <rPh sb="17" eb="18">
      <t>タイ</t>
    </rPh>
    <rPh sb="20" eb="23">
      <t>ニュウショシャ</t>
    </rPh>
    <rPh sb="26" eb="28">
      <t>カゾク</t>
    </rPh>
    <rPh sb="29" eb="31">
      <t>キボウ</t>
    </rPh>
    <rPh sb="32" eb="34">
      <t>ジュウブン</t>
    </rPh>
    <phoneticPr fontId="1"/>
  </si>
  <si>
    <t>　に勘案し、必要な情報を提供するとともに、適切な他のサービスを受</t>
    <phoneticPr fontId="1"/>
  </si>
  <si>
    <t>　けることができるよう必要な援助に努めているか。</t>
    <phoneticPr fontId="1"/>
  </si>
  <si>
    <t>　(1) 提供した具体的なサービスの内容等を記録しているか。</t>
    <rPh sb="5" eb="7">
      <t>テイキョウ</t>
    </rPh>
    <rPh sb="9" eb="12">
      <t>グタイテキ</t>
    </rPh>
    <rPh sb="18" eb="20">
      <t>ナイヨウ</t>
    </rPh>
    <rPh sb="20" eb="21">
      <t>トウ</t>
    </rPh>
    <rPh sb="22" eb="24">
      <t>キロク</t>
    </rPh>
    <phoneticPr fontId="1"/>
  </si>
  <si>
    <t>　び密接な連携に努めているか。</t>
    <phoneticPr fontId="1"/>
  </si>
  <si>
    <t>(1) 利用料は適正であるか。</t>
    <rPh sb="4" eb="7">
      <t>リヨウリョウ</t>
    </rPh>
    <rPh sb="8" eb="10">
      <t>テキセイ</t>
    </rPh>
    <phoneticPr fontId="1"/>
  </si>
  <si>
    <t>(2) サービスの提供に当たっては、あらかじめ入所者又はその家族に</t>
    <rPh sb="9" eb="11">
      <t>テイキョウ</t>
    </rPh>
    <rPh sb="12" eb="13">
      <t>ア</t>
    </rPh>
    <rPh sb="23" eb="26">
      <t>ニュウショシャ</t>
    </rPh>
    <rPh sb="26" eb="27">
      <t>マタ</t>
    </rPh>
    <rPh sb="30" eb="32">
      <t>カゾク</t>
    </rPh>
    <phoneticPr fontId="1"/>
  </si>
  <si>
    <t>　対し、当該サービスの内容及び費用を記した文書を交付して説明を</t>
    <phoneticPr fontId="1"/>
  </si>
  <si>
    <t>　行い、入所者の同意を得ているか。</t>
    <phoneticPr fontId="1"/>
  </si>
  <si>
    <t>(3) 生活費は市長が定める額を上限額としているか。</t>
    <rPh sb="4" eb="7">
      <t>セイカツヒ</t>
    </rPh>
    <rPh sb="8" eb="10">
      <t>シチョウ</t>
    </rPh>
    <rPh sb="11" eb="12">
      <t>サダ</t>
    </rPh>
    <rPh sb="14" eb="15">
      <t>ガク</t>
    </rPh>
    <rPh sb="16" eb="18">
      <t>ジョウゲン</t>
    </rPh>
    <rPh sb="18" eb="19">
      <t>ガク</t>
    </rPh>
    <phoneticPr fontId="1"/>
  </si>
  <si>
    <t>□運営規程</t>
    <rPh sb="1" eb="3">
      <t>ウンエイ</t>
    </rPh>
    <rPh sb="3" eb="5">
      <t>キテイ</t>
    </rPh>
    <phoneticPr fontId="1"/>
  </si>
  <si>
    <t>□重要事項説明書</t>
    <rPh sb="1" eb="8">
      <t>ジュウヨウジコウセツメイショ</t>
    </rPh>
    <phoneticPr fontId="1"/>
  </si>
  <si>
    <t>□同意書</t>
    <rPh sb="1" eb="4">
      <t>ドウイショ</t>
    </rPh>
    <phoneticPr fontId="1"/>
  </si>
  <si>
    <t>(5) ２日に１回以上の頻度で入浴の機会を提供しているか。</t>
    <rPh sb="5" eb="6">
      <t>ニチ</t>
    </rPh>
    <rPh sb="8" eb="11">
      <t>カイイジョウ</t>
    </rPh>
    <rPh sb="12" eb="14">
      <t>ヒンド</t>
    </rPh>
    <rPh sb="15" eb="17">
      <t>ニュウヨク</t>
    </rPh>
    <rPh sb="18" eb="20">
      <t>キカイ</t>
    </rPh>
    <rPh sb="21" eb="23">
      <t>テイキョウ</t>
    </rPh>
    <phoneticPr fontId="1"/>
  </si>
  <si>
    <t>(6) 入所者からの要望を考慮し、適宜レクリエーション行事を実施して</t>
    <rPh sb="4" eb="7">
      <t>ニュウショシャ</t>
    </rPh>
    <rPh sb="10" eb="12">
      <t>ヨウボウ</t>
    </rPh>
    <rPh sb="13" eb="15">
      <t>コウリョ</t>
    </rPh>
    <rPh sb="17" eb="19">
      <t>テキギ</t>
    </rPh>
    <rPh sb="27" eb="29">
      <t>ギョウジ</t>
    </rPh>
    <rPh sb="30" eb="32">
      <t>ジッシ</t>
    </rPh>
    <phoneticPr fontId="1"/>
  </si>
  <si>
    <t>　いるか。</t>
    <phoneticPr fontId="1"/>
  </si>
  <si>
    <t>□サービス提供記録</t>
    <rPh sb="5" eb="9">
      <t>テイキョウキロク</t>
    </rPh>
    <phoneticPr fontId="1"/>
  </si>
  <si>
    <t>□行事予定表</t>
    <rPh sb="1" eb="6">
      <t>ギョウジヨテイヒョウ</t>
    </rPh>
    <phoneticPr fontId="1"/>
  </si>
  <si>
    <t>(1) 入所者が要介護状態等となった場合に、適切に居宅サービス等を受</t>
    <rPh sb="4" eb="7">
      <t>ニュウショシャ</t>
    </rPh>
    <rPh sb="8" eb="11">
      <t>ヨウカイゴ</t>
    </rPh>
    <rPh sb="11" eb="13">
      <t>ジョウタイ</t>
    </rPh>
    <rPh sb="13" eb="14">
      <t>トウ</t>
    </rPh>
    <rPh sb="18" eb="20">
      <t>バアイ</t>
    </rPh>
    <rPh sb="22" eb="24">
      <t>テキセツ</t>
    </rPh>
    <rPh sb="25" eb="27">
      <t>キョタク</t>
    </rPh>
    <rPh sb="31" eb="32">
      <t>トウ</t>
    </rPh>
    <rPh sb="33" eb="34">
      <t>ウ</t>
    </rPh>
    <phoneticPr fontId="1"/>
  </si>
  <si>
    <t>　けることができるよう、必要な援助を行っているか。</t>
    <phoneticPr fontId="1"/>
  </si>
  <si>
    <t>(3) 定期的に調理に従事する職員の検便を行っているか。</t>
    <rPh sb="4" eb="7">
      <t>テイキテキ</t>
    </rPh>
    <rPh sb="8" eb="10">
      <t>チョウリ</t>
    </rPh>
    <rPh sb="11" eb="13">
      <t>ジュウジ</t>
    </rPh>
    <rPh sb="15" eb="17">
      <t>ショクイン</t>
    </rPh>
    <rPh sb="18" eb="20">
      <t>ケンベン</t>
    </rPh>
    <rPh sb="21" eb="22">
      <t>オコナ</t>
    </rPh>
    <phoneticPr fontId="1"/>
  </si>
  <si>
    <t>□健康診断票</t>
    <rPh sb="1" eb="3">
      <t>ケンコウ</t>
    </rPh>
    <rPh sb="3" eb="5">
      <t>シンダン</t>
    </rPh>
    <rPh sb="5" eb="6">
      <t>ヒョウ</t>
    </rPh>
    <phoneticPr fontId="1"/>
  </si>
  <si>
    <t>□検便検査結果報告書</t>
    <rPh sb="1" eb="3">
      <t>ケンベン</t>
    </rPh>
    <rPh sb="3" eb="5">
      <t>ケンサ</t>
    </rPh>
    <rPh sb="5" eb="7">
      <t>ケッカ</t>
    </rPh>
    <rPh sb="7" eb="10">
      <t>ホウコクショ</t>
    </rPh>
    <phoneticPr fontId="1"/>
  </si>
  <si>
    <t>(1) 資質向上のために研修の機会を確保しているか。</t>
    <rPh sb="4" eb="6">
      <t>シシツ</t>
    </rPh>
    <rPh sb="6" eb="8">
      <t>コウジョウ</t>
    </rPh>
    <rPh sb="12" eb="14">
      <t>ケンシュウ</t>
    </rPh>
    <rPh sb="15" eb="17">
      <t>キカイ</t>
    </rPh>
    <rPh sb="18" eb="20">
      <t>カクホ</t>
    </rPh>
    <phoneticPr fontId="1"/>
  </si>
  <si>
    <t>(2) 認知症介護に係る基礎的な研修を受講させるために必要な措置を講</t>
    <rPh sb="4" eb="7">
      <t>ニンチショウ</t>
    </rPh>
    <rPh sb="7" eb="9">
      <t>カイゴ</t>
    </rPh>
    <rPh sb="10" eb="11">
      <t>カカ</t>
    </rPh>
    <rPh sb="12" eb="15">
      <t>キソテキ</t>
    </rPh>
    <rPh sb="16" eb="18">
      <t>ケンシュウ</t>
    </rPh>
    <rPh sb="19" eb="21">
      <t>ジュコウ</t>
    </rPh>
    <rPh sb="27" eb="29">
      <t>ヒツヨウ</t>
    </rPh>
    <rPh sb="30" eb="31">
      <t>ソ</t>
    </rPh>
    <phoneticPr fontId="1"/>
  </si>
  <si>
    <t>(3) 性的言動、優越的な関係を背景とした言動による就業環境が害され</t>
    <rPh sb="4" eb="6">
      <t>セイテキ</t>
    </rPh>
    <rPh sb="6" eb="8">
      <t>ゲンドウ</t>
    </rPh>
    <rPh sb="9" eb="12">
      <t>ユウエツテキ</t>
    </rPh>
    <rPh sb="13" eb="15">
      <t>カンケイ</t>
    </rPh>
    <rPh sb="16" eb="18">
      <t>ハイケイ</t>
    </rPh>
    <rPh sb="21" eb="23">
      <t>ゲンドウ</t>
    </rPh>
    <rPh sb="26" eb="28">
      <t>シュウギョウ</t>
    </rPh>
    <rPh sb="28" eb="30">
      <t>カンキョウ</t>
    </rPh>
    <phoneticPr fontId="1"/>
  </si>
  <si>
    <t>(1) 入所申込者、入所者又はその家族に対して見やすい場所に重要事項</t>
    <rPh sb="4" eb="6">
      <t>ニュウショ</t>
    </rPh>
    <rPh sb="6" eb="8">
      <t>モウシコミ</t>
    </rPh>
    <rPh sb="8" eb="9">
      <t>シャ</t>
    </rPh>
    <rPh sb="10" eb="13">
      <t>ニュウショシャ</t>
    </rPh>
    <rPh sb="13" eb="14">
      <t>マタ</t>
    </rPh>
    <rPh sb="17" eb="19">
      <t>カゾク</t>
    </rPh>
    <rPh sb="20" eb="21">
      <t>タイ</t>
    </rPh>
    <rPh sb="23" eb="24">
      <t>ミ</t>
    </rPh>
    <rPh sb="27" eb="29">
      <t>バショ</t>
    </rPh>
    <rPh sb="30" eb="32">
      <t>ジュウヨウ</t>
    </rPh>
    <rPh sb="32" eb="34">
      <t>ジコウ</t>
    </rPh>
    <phoneticPr fontId="1"/>
  </si>
  <si>
    <t>　を掲示しているか。</t>
    <phoneticPr fontId="1"/>
  </si>
  <si>
    <t>(1) 虚偽又は誇大な広告を行っていないか。</t>
    <rPh sb="4" eb="6">
      <t>キョギ</t>
    </rPh>
    <rPh sb="6" eb="7">
      <t>マタ</t>
    </rPh>
    <rPh sb="8" eb="10">
      <t>コダイ</t>
    </rPh>
    <rPh sb="11" eb="13">
      <t>コウコク</t>
    </rPh>
    <rPh sb="14" eb="15">
      <t>オコナ</t>
    </rPh>
    <phoneticPr fontId="1"/>
  </si>
  <si>
    <t>　１　運営規程　…………………………………………………………………１５</t>
    <rPh sb="3" eb="5">
      <t>ウンエイ</t>
    </rPh>
    <rPh sb="5" eb="7">
      <t>キテイ</t>
    </rPh>
    <phoneticPr fontId="1"/>
  </si>
  <si>
    <t>　２　非常災害対策　……………………………………………………………１５</t>
    <rPh sb="3" eb="5">
      <t>ヒジョウ</t>
    </rPh>
    <rPh sb="5" eb="7">
      <t>サイガイ</t>
    </rPh>
    <rPh sb="7" eb="9">
      <t>タイサク</t>
    </rPh>
    <phoneticPr fontId="1"/>
  </si>
  <si>
    <t>　３　記録　………………………………………………………………………１７</t>
    <rPh sb="3" eb="5">
      <t>キロク</t>
    </rPh>
    <phoneticPr fontId="1"/>
  </si>
  <si>
    <t>　４　入所申込者等に対する説明等　…………………………………………１９</t>
    <rPh sb="3" eb="5">
      <t>ニュウショ</t>
    </rPh>
    <rPh sb="5" eb="7">
      <t>モウシコミ</t>
    </rPh>
    <rPh sb="7" eb="8">
      <t>シャ</t>
    </rPh>
    <rPh sb="8" eb="9">
      <t>トウ</t>
    </rPh>
    <rPh sb="10" eb="11">
      <t>タイ</t>
    </rPh>
    <rPh sb="13" eb="15">
      <t>セツメイ</t>
    </rPh>
    <rPh sb="15" eb="16">
      <t>ナド</t>
    </rPh>
    <phoneticPr fontId="1"/>
  </si>
  <si>
    <t>　５　対象者　……………………………………………………………………１９</t>
    <rPh sb="3" eb="6">
      <t>タイショウシャ</t>
    </rPh>
    <phoneticPr fontId="1"/>
  </si>
  <si>
    <t>　６　入退所　……………………………………………………………………２１</t>
    <rPh sb="3" eb="4">
      <t>ニュウ</t>
    </rPh>
    <rPh sb="4" eb="6">
      <t>タイショ</t>
    </rPh>
    <phoneticPr fontId="1"/>
  </si>
  <si>
    <t>　７　サービスの提供の記録　…………………………………………………２１</t>
    <rPh sb="8" eb="10">
      <t>テイキョウ</t>
    </rPh>
    <rPh sb="11" eb="13">
      <t>キロク</t>
    </rPh>
    <phoneticPr fontId="1"/>
  </si>
  <si>
    <t>　８　利用料の受領　……………………………………………………………２１</t>
    <rPh sb="3" eb="6">
      <t>リヨウリョウ</t>
    </rPh>
    <rPh sb="7" eb="9">
      <t>ジュリョウ</t>
    </rPh>
    <phoneticPr fontId="1"/>
  </si>
  <si>
    <t>　９　サービス提供の方針　……………………………………………………２３</t>
    <rPh sb="7" eb="9">
      <t>テイキョウ</t>
    </rPh>
    <rPh sb="10" eb="12">
      <t>ホウシン</t>
    </rPh>
    <phoneticPr fontId="1"/>
  </si>
  <si>
    <t>　１０　食事　……………………………………………………………………２５</t>
    <rPh sb="4" eb="6">
      <t>ショクジ</t>
    </rPh>
    <phoneticPr fontId="1"/>
  </si>
  <si>
    <t>　１２　居宅サービス等の利用　………………………………………………２５</t>
    <rPh sb="4" eb="6">
      <t>キョタク</t>
    </rPh>
    <rPh sb="10" eb="11">
      <t>トウ</t>
    </rPh>
    <rPh sb="12" eb="14">
      <t>リヨウ</t>
    </rPh>
    <phoneticPr fontId="1"/>
  </si>
  <si>
    <t>　１１　生活相談等　……………………………………………………………２５</t>
    <rPh sb="4" eb="6">
      <t>セイカツ</t>
    </rPh>
    <rPh sb="6" eb="8">
      <t>ソウダン</t>
    </rPh>
    <rPh sb="8" eb="9">
      <t>トウ</t>
    </rPh>
    <phoneticPr fontId="1"/>
  </si>
  <si>
    <t>　１３　健康の保持　……………………………………………………………２５</t>
    <rPh sb="4" eb="6">
      <t>ケンコウ</t>
    </rPh>
    <rPh sb="7" eb="9">
      <t>ホジ</t>
    </rPh>
    <phoneticPr fontId="1"/>
  </si>
  <si>
    <t>　１４　勤務体制の確保等　……………………………………………………２７</t>
    <rPh sb="4" eb="6">
      <t>キンム</t>
    </rPh>
    <rPh sb="6" eb="8">
      <t>タイセイ</t>
    </rPh>
    <rPh sb="9" eb="11">
      <t>カクホ</t>
    </rPh>
    <rPh sb="11" eb="12">
      <t>トウ</t>
    </rPh>
    <phoneticPr fontId="1"/>
  </si>
  <si>
    <t>　１５　業務継続計画の策定等　………………………………………………２９</t>
    <rPh sb="4" eb="6">
      <t>ギョウム</t>
    </rPh>
    <rPh sb="6" eb="10">
      <t>ケイゾクケイカク</t>
    </rPh>
    <rPh sb="11" eb="13">
      <t>サクテイ</t>
    </rPh>
    <rPh sb="13" eb="14">
      <t>トウ</t>
    </rPh>
    <phoneticPr fontId="1"/>
  </si>
  <si>
    <t>　１６　定員の遵守　……………………………………………………………２９</t>
    <rPh sb="4" eb="6">
      <t>テイイン</t>
    </rPh>
    <rPh sb="7" eb="9">
      <t>ジュンシュ</t>
    </rPh>
    <phoneticPr fontId="1"/>
  </si>
  <si>
    <t>　１７　衛生管理等　……………………………………………………………３１</t>
    <rPh sb="4" eb="6">
      <t>エイセイ</t>
    </rPh>
    <rPh sb="6" eb="9">
      <t>カンリトウ</t>
    </rPh>
    <phoneticPr fontId="1"/>
  </si>
  <si>
    <t>　２３　地域との連携等　………………………………………………………３５</t>
    <rPh sb="4" eb="6">
      <t>チイキ</t>
    </rPh>
    <rPh sb="8" eb="10">
      <t>レンケイ</t>
    </rPh>
    <rPh sb="10" eb="11">
      <t>トウ</t>
    </rPh>
    <phoneticPr fontId="1"/>
  </si>
  <si>
    <t>基準条例：鹿児島市軽費老人ホームの設備及び運営の基準に関する条例（平成24年条例第40号）</t>
    <rPh sb="0" eb="4">
      <t>キジュンジョウレイ</t>
    </rPh>
    <rPh sb="9" eb="11">
      <t>ケイヒ</t>
    </rPh>
    <rPh sb="43" eb="44">
      <t>ゴウ</t>
    </rPh>
    <phoneticPr fontId="1"/>
  </si>
  <si>
    <t>解釈通知：平成20年5月30日付け老発第0530002号厚生労働省老健局長通知「軽費老人ホームの設</t>
    <rPh sb="0" eb="2">
      <t>カイシャク</t>
    </rPh>
    <rPh sb="2" eb="4">
      <t>ツウチ</t>
    </rPh>
    <rPh sb="5" eb="7">
      <t>ヘイセイ</t>
    </rPh>
    <rPh sb="9" eb="10">
      <t>ネン</t>
    </rPh>
    <rPh sb="11" eb="12">
      <t>ガツ</t>
    </rPh>
    <rPh sb="14" eb="15">
      <t>ニチ</t>
    </rPh>
    <rPh sb="15" eb="16">
      <t>ツ</t>
    </rPh>
    <rPh sb="17" eb="18">
      <t>ロウ</t>
    </rPh>
    <rPh sb="18" eb="19">
      <t>ハツ</t>
    </rPh>
    <rPh sb="19" eb="20">
      <t>ダイ</t>
    </rPh>
    <rPh sb="27" eb="28">
      <t>ゴウ</t>
    </rPh>
    <rPh sb="28" eb="30">
      <t>コウセイ</t>
    </rPh>
    <rPh sb="30" eb="33">
      <t>ロウドウショウ</t>
    </rPh>
    <rPh sb="33" eb="36">
      <t>ロウケンキョク</t>
    </rPh>
    <rPh sb="36" eb="37">
      <t>チョウ</t>
    </rPh>
    <rPh sb="37" eb="39">
      <t>ツウチ</t>
    </rPh>
    <rPh sb="40" eb="42">
      <t>ケイヒ</t>
    </rPh>
    <rPh sb="42" eb="44">
      <t>ロウジン</t>
    </rPh>
    <rPh sb="48" eb="49">
      <t>セツ</t>
    </rPh>
    <phoneticPr fontId="1"/>
  </si>
  <si>
    <t>９　サービス提供の方針</t>
    <rPh sb="6" eb="8">
      <t>テイキョウ</t>
    </rPh>
    <rPh sb="9" eb="11">
      <t>ホウシン</t>
    </rPh>
    <phoneticPr fontId="1"/>
  </si>
  <si>
    <t>１０　食事</t>
    <rPh sb="3" eb="5">
      <t>ショクジ</t>
    </rPh>
    <phoneticPr fontId="1"/>
  </si>
  <si>
    <t>１１　生活相談等</t>
    <rPh sb="3" eb="5">
      <t>セイカツ</t>
    </rPh>
    <rPh sb="5" eb="7">
      <t>ソウダン</t>
    </rPh>
    <rPh sb="7" eb="8">
      <t>トウ</t>
    </rPh>
    <phoneticPr fontId="1"/>
  </si>
  <si>
    <t>１２　居宅サービス等の利用</t>
    <rPh sb="3" eb="5">
      <t>キョタク</t>
    </rPh>
    <rPh sb="9" eb="10">
      <t>トウ</t>
    </rPh>
    <rPh sb="11" eb="13">
      <t>リヨウ</t>
    </rPh>
    <phoneticPr fontId="1"/>
  </si>
  <si>
    <t>１４　勤務体制の確保等</t>
    <rPh sb="3" eb="5">
      <t>キンム</t>
    </rPh>
    <rPh sb="5" eb="7">
      <t>タイセイ</t>
    </rPh>
    <rPh sb="8" eb="10">
      <t>カクホ</t>
    </rPh>
    <rPh sb="10" eb="11">
      <t>トウ</t>
    </rPh>
    <phoneticPr fontId="1"/>
  </si>
  <si>
    <t>１６　定員の遵守</t>
    <rPh sb="3" eb="5">
      <t>テイイン</t>
    </rPh>
    <rPh sb="6" eb="8">
      <t>ジュンシュ</t>
    </rPh>
    <phoneticPr fontId="1"/>
  </si>
  <si>
    <t>１７　衛生管理等</t>
    <rPh sb="3" eb="5">
      <t>エイセイ</t>
    </rPh>
    <rPh sb="5" eb="8">
      <t>カンリトウ</t>
    </rPh>
    <phoneticPr fontId="1"/>
  </si>
  <si>
    <t>１８　協力医療機関等</t>
    <rPh sb="3" eb="5">
      <t>キョウリョク</t>
    </rPh>
    <rPh sb="5" eb="7">
      <t>イリョウ</t>
    </rPh>
    <rPh sb="7" eb="9">
      <t>キカン</t>
    </rPh>
    <rPh sb="9" eb="10">
      <t>トウ</t>
    </rPh>
    <phoneticPr fontId="1"/>
  </si>
  <si>
    <t>１９　掲示</t>
    <rPh sb="3" eb="5">
      <t>ケイジ</t>
    </rPh>
    <phoneticPr fontId="1"/>
  </si>
  <si>
    <t>２０　秘密保持等</t>
    <rPh sb="3" eb="5">
      <t>ヒミツ</t>
    </rPh>
    <rPh sb="5" eb="7">
      <t>ホジ</t>
    </rPh>
    <rPh sb="7" eb="8">
      <t>トウ</t>
    </rPh>
    <phoneticPr fontId="1"/>
  </si>
  <si>
    <t>２１　広告</t>
    <rPh sb="3" eb="5">
      <t>コウコク</t>
    </rPh>
    <phoneticPr fontId="1"/>
  </si>
  <si>
    <t>２２　苦情処理</t>
    <rPh sb="3" eb="5">
      <t>クジョウ</t>
    </rPh>
    <rPh sb="5" eb="7">
      <t>ショリ</t>
    </rPh>
    <phoneticPr fontId="1"/>
  </si>
  <si>
    <t>２３　地域との連携等</t>
    <rPh sb="3" eb="5">
      <t>チイキ</t>
    </rPh>
    <rPh sb="7" eb="9">
      <t>レンケイ</t>
    </rPh>
    <rPh sb="9" eb="10">
      <t>トウ</t>
    </rPh>
    <phoneticPr fontId="1"/>
  </si>
  <si>
    <t>２４　事故発生の防止及び発生時の対応</t>
    <rPh sb="3" eb="7">
      <t>ジコハッセイ</t>
    </rPh>
    <rPh sb="8" eb="10">
      <t>ボウシ</t>
    </rPh>
    <rPh sb="10" eb="11">
      <t>オヨ</t>
    </rPh>
    <rPh sb="12" eb="14">
      <t>ハッセイ</t>
    </rPh>
    <rPh sb="14" eb="15">
      <t>ジ</t>
    </rPh>
    <rPh sb="16" eb="18">
      <t>タイオウ</t>
    </rPh>
    <phoneticPr fontId="1"/>
  </si>
  <si>
    <t>　　（Ⅳ－１７－(3)（p.31）において確認）</t>
    <rPh sb="21" eb="23">
      <t>カクニン</t>
    </rPh>
    <phoneticPr fontId="1"/>
  </si>
  <si>
    <t>(3) 入所者の退所に際し、居宅介護支援事業所等に対する情報の提供及</t>
    <rPh sb="4" eb="7">
      <t>ニュウショシャ</t>
    </rPh>
    <rPh sb="8" eb="10">
      <t>タイショ</t>
    </rPh>
    <rPh sb="11" eb="12">
      <t>サイ</t>
    </rPh>
    <rPh sb="14" eb="16">
      <t>キョタク</t>
    </rPh>
    <rPh sb="16" eb="18">
      <t>カイゴ</t>
    </rPh>
    <rPh sb="18" eb="20">
      <t>シエン</t>
    </rPh>
    <rPh sb="20" eb="23">
      <t>ジギョウショ</t>
    </rPh>
    <rPh sb="23" eb="24">
      <t>トウ</t>
    </rPh>
    <rPh sb="25" eb="26">
      <t>タイ</t>
    </rPh>
    <rPh sb="28" eb="30">
      <t>ジョウホウ</t>
    </rPh>
    <rPh sb="31" eb="33">
      <t>テイキョウ</t>
    </rPh>
    <rPh sb="33" eb="34">
      <t>オヨ</t>
    </rPh>
    <phoneticPr fontId="1"/>
  </si>
  <si>
    <t>(1) 入所者について、定期的に健康診断を受ける機会を提供しているか。</t>
    <rPh sb="4" eb="7">
      <t>ニュウショシャ</t>
    </rPh>
    <rPh sb="12" eb="15">
      <t>テイキテキ</t>
    </rPh>
    <rPh sb="16" eb="18">
      <t>ケンコウ</t>
    </rPh>
    <rPh sb="18" eb="20">
      <t>シンダン</t>
    </rPh>
    <rPh sb="21" eb="22">
      <t>ウ</t>
    </rPh>
    <rPh sb="24" eb="26">
      <t>キカイ</t>
    </rPh>
    <rPh sb="27" eb="29">
      <t>テイキョウ</t>
    </rPh>
    <phoneticPr fontId="1"/>
  </si>
  <si>
    <t>指導監査課</t>
    <rPh sb="0" eb="2">
      <t>シドウ</t>
    </rPh>
    <rPh sb="2" eb="4">
      <t>カンサ</t>
    </rPh>
    <rPh sb="4" eb="5">
      <t>カ</t>
    </rPh>
    <phoneticPr fontId="1"/>
  </si>
  <si>
    <t>令和　　年　　月　　日（　　）</t>
    <rPh sb="0" eb="2">
      <t>レイワ</t>
    </rPh>
    <rPh sb="4" eb="5">
      <t>ネン</t>
    </rPh>
    <rPh sb="7" eb="8">
      <t>ガツ</t>
    </rPh>
    <rPh sb="10" eb="11">
      <t>ニチ</t>
    </rPh>
    <phoneticPr fontId="1"/>
  </si>
  <si>
    <t>職・氏名</t>
    <rPh sb="0" eb="1">
      <t>ショク</t>
    </rPh>
    <rPh sb="2" eb="4">
      <t>シメイ</t>
    </rPh>
    <phoneticPr fontId="1"/>
  </si>
  <si>
    <t>鹿児島市</t>
    <rPh sb="0" eb="4">
      <t>カゴシマシ</t>
    </rPh>
    <phoneticPr fontId="1"/>
  </si>
  <si>
    <t>点検者</t>
    <rPh sb="0" eb="2">
      <t>テンケン</t>
    </rPh>
    <rPh sb="2" eb="3">
      <t>シャ</t>
    </rPh>
    <phoneticPr fontId="1"/>
  </si>
  <si>
    <t>指導監査
当日の対応者</t>
    <rPh sb="0" eb="2">
      <t>シドウ</t>
    </rPh>
    <rPh sb="2" eb="4">
      <t>カンサ</t>
    </rPh>
    <rPh sb="5" eb="7">
      <t>トウジツ</t>
    </rPh>
    <rPh sb="8" eb="10">
      <t>タイオウ</t>
    </rPh>
    <rPh sb="10" eb="11">
      <t>シャ</t>
    </rPh>
    <phoneticPr fontId="1"/>
  </si>
  <si>
    <t>職名：</t>
    <rPh sb="0" eb="2">
      <t>ショクメイ</t>
    </rPh>
    <phoneticPr fontId="1"/>
  </si>
  <si>
    <t>氏名：</t>
    <rPh sb="0" eb="2">
      <t>シメイ</t>
    </rPh>
    <phoneticPr fontId="1"/>
  </si>
  <si>
    <t>◎基準条例第11条第2項
　前項の入所者及び一般入所者の員数は、前年度の平均値とする。ただし、新規設置又は再開の場合は、推定数によ
　る。
○解釈通知第3-1-(3)-エ
【前年度の平均値】
　(ア)　当該年度の前年度の入所者延数を当該前年度の日数で除して得た数（小数点第2位以下切り上げ）
　(イ)　新設・再開又は定員増について、前年度において1年未満の実績しかない場合の入所者数は、新設・再開又は
　　定員増の時点から6月未満の間は定員数の90％、新設・再開又は定員増の時点から6月以上1年未満の間は直近6月に
　　おける入所者延数を6月間の日数で除して得た数、新設・再開又は定員増の時点から1年以上経過している場合は直
　　近1年間における入所者延数を1年間の日数で除して得た数
　(ウ)　定員減の場合、減少後の実績が3月以上あるときは、減少後の入所者延数を延日数で除して得た数</t>
    <rPh sb="71" eb="73">
      <t>カイシャク</t>
    </rPh>
    <rPh sb="73" eb="75">
      <t>ツウチ</t>
    </rPh>
    <rPh sb="75" eb="76">
      <t>ダイ</t>
    </rPh>
    <rPh sb="87" eb="90">
      <t>ゼンネンド</t>
    </rPh>
    <rPh sb="91" eb="94">
      <t>ヘイキンチ</t>
    </rPh>
    <rPh sb="101" eb="103">
      <t>トウガイ</t>
    </rPh>
    <rPh sb="103" eb="105">
      <t>ネンド</t>
    </rPh>
    <rPh sb="106" eb="109">
      <t>ゼンネンド</t>
    </rPh>
    <rPh sb="110" eb="113">
      <t>ニュウショシャ</t>
    </rPh>
    <rPh sb="113" eb="114">
      <t>ノベ</t>
    </rPh>
    <rPh sb="114" eb="115">
      <t>スウ</t>
    </rPh>
    <rPh sb="116" eb="118">
      <t>トウガイ</t>
    </rPh>
    <rPh sb="118" eb="121">
      <t>ゼンネンド</t>
    </rPh>
    <rPh sb="122" eb="124">
      <t>ニッスウ</t>
    </rPh>
    <rPh sb="125" eb="126">
      <t>ジョ</t>
    </rPh>
    <rPh sb="128" eb="129">
      <t>エ</t>
    </rPh>
    <rPh sb="130" eb="131">
      <t>カズ</t>
    </rPh>
    <rPh sb="132" eb="135">
      <t>ショウスウテン</t>
    </rPh>
    <rPh sb="135" eb="136">
      <t>ダイ</t>
    </rPh>
    <rPh sb="137" eb="138">
      <t>イ</t>
    </rPh>
    <rPh sb="138" eb="140">
      <t>イカ</t>
    </rPh>
    <rPh sb="140" eb="141">
      <t>キ</t>
    </rPh>
    <rPh sb="142" eb="143">
      <t>ア</t>
    </rPh>
    <rPh sb="151" eb="153">
      <t>シンセツ</t>
    </rPh>
    <rPh sb="154" eb="156">
      <t>サイカイ</t>
    </rPh>
    <rPh sb="156" eb="157">
      <t>マタ</t>
    </rPh>
    <rPh sb="158" eb="160">
      <t>テイイン</t>
    </rPh>
    <rPh sb="160" eb="161">
      <t>ゾウ</t>
    </rPh>
    <rPh sb="166" eb="169">
      <t>ゼンネンド</t>
    </rPh>
    <rPh sb="174" eb="175">
      <t>ネン</t>
    </rPh>
    <rPh sb="175" eb="177">
      <t>ミマン</t>
    </rPh>
    <rPh sb="178" eb="180">
      <t>ジッセキ</t>
    </rPh>
    <rPh sb="184" eb="186">
      <t>バアイ</t>
    </rPh>
    <rPh sb="187" eb="190">
      <t>ニュウショシャ</t>
    </rPh>
    <rPh sb="190" eb="191">
      <t>スウ</t>
    </rPh>
    <rPh sb="193" eb="195">
      <t>シンセツ</t>
    </rPh>
    <rPh sb="196" eb="198">
      <t>サイカイ</t>
    </rPh>
    <rPh sb="198" eb="199">
      <t>マタ</t>
    </rPh>
    <rPh sb="203" eb="205">
      <t>テイイン</t>
    </rPh>
    <rPh sb="205" eb="206">
      <t>ゾウ</t>
    </rPh>
    <rPh sb="207" eb="209">
      <t>ジテン</t>
    </rPh>
    <rPh sb="212" eb="213">
      <t>ツキ</t>
    </rPh>
    <rPh sb="213" eb="215">
      <t>ミマン</t>
    </rPh>
    <rPh sb="216" eb="217">
      <t>アイダ</t>
    </rPh>
    <rPh sb="220" eb="221">
      <t>スウ</t>
    </rPh>
    <rPh sb="242" eb="243">
      <t>ツキ</t>
    </rPh>
    <rPh sb="243" eb="245">
      <t>イジョウ</t>
    </rPh>
    <rPh sb="246" eb="247">
      <t>ネン</t>
    </rPh>
    <rPh sb="247" eb="249">
      <t>ミマン</t>
    </rPh>
    <rPh sb="250" eb="251">
      <t>アイダ</t>
    </rPh>
    <rPh sb="252" eb="254">
      <t>チョッキン</t>
    </rPh>
    <rPh sb="255" eb="256">
      <t>ツキ</t>
    </rPh>
    <rPh sb="263" eb="266">
      <t>ニュウショシャ</t>
    </rPh>
    <rPh sb="266" eb="267">
      <t>ノベ</t>
    </rPh>
    <rPh sb="267" eb="268">
      <t>スウ</t>
    </rPh>
    <rPh sb="270" eb="271">
      <t>ツキ</t>
    </rPh>
    <rPh sb="271" eb="272">
      <t>カン</t>
    </rPh>
    <rPh sb="273" eb="275">
      <t>ニッスウ</t>
    </rPh>
    <rPh sb="276" eb="277">
      <t>ジョ</t>
    </rPh>
    <rPh sb="279" eb="280">
      <t>エ</t>
    </rPh>
    <rPh sb="281" eb="282">
      <t>カズ</t>
    </rPh>
    <rPh sb="283" eb="285">
      <t>シンセツ</t>
    </rPh>
    <rPh sb="286" eb="288">
      <t>サイカイ</t>
    </rPh>
    <rPh sb="288" eb="289">
      <t>マタ</t>
    </rPh>
    <rPh sb="292" eb="293">
      <t>ゾウ</t>
    </rPh>
    <rPh sb="294" eb="296">
      <t>ジテン</t>
    </rPh>
    <rPh sb="299" eb="302">
      <t>ネンイジョウ</t>
    </rPh>
    <rPh sb="302" eb="304">
      <t>ケイカ</t>
    </rPh>
    <rPh sb="308" eb="310">
      <t>バアイ</t>
    </rPh>
    <rPh sb="317" eb="319">
      <t>ネンカン</t>
    </rPh>
    <rPh sb="323" eb="326">
      <t>ニュウショシャ</t>
    </rPh>
    <rPh sb="326" eb="327">
      <t>ノベ</t>
    </rPh>
    <rPh sb="327" eb="328">
      <t>スウ</t>
    </rPh>
    <rPh sb="330" eb="332">
      <t>ネンカン</t>
    </rPh>
    <rPh sb="333" eb="335">
      <t>ニッスウ</t>
    </rPh>
    <rPh sb="336" eb="337">
      <t>ジョ</t>
    </rPh>
    <rPh sb="339" eb="340">
      <t>エ</t>
    </rPh>
    <rPh sb="341" eb="342">
      <t>カズ</t>
    </rPh>
    <rPh sb="348" eb="350">
      <t>テイイン</t>
    </rPh>
    <rPh sb="350" eb="351">
      <t>ゲン</t>
    </rPh>
    <rPh sb="352" eb="354">
      <t>バアイ</t>
    </rPh>
    <rPh sb="355" eb="357">
      <t>ゲンショウ</t>
    </rPh>
    <rPh sb="357" eb="358">
      <t>ゴ</t>
    </rPh>
    <rPh sb="359" eb="361">
      <t>ジッセキ</t>
    </rPh>
    <rPh sb="363" eb="364">
      <t>ツキ</t>
    </rPh>
    <rPh sb="364" eb="366">
      <t>イジョウ</t>
    </rPh>
    <rPh sb="372" eb="374">
      <t>ゲンショウ</t>
    </rPh>
    <rPh sb="374" eb="375">
      <t>ゴ</t>
    </rPh>
    <rPh sb="376" eb="379">
      <t>ニュウショシャ</t>
    </rPh>
    <rPh sb="379" eb="380">
      <t>ノベ</t>
    </rPh>
    <rPh sb="380" eb="381">
      <t>スウ</t>
    </rPh>
    <rPh sb="382" eb="383">
      <t>ノベ</t>
    </rPh>
    <rPh sb="383" eb="385">
      <t>ニッスウ</t>
    </rPh>
    <rPh sb="386" eb="387">
      <t>ジョ</t>
    </rPh>
    <rPh sb="389" eb="390">
      <t>エ</t>
    </rPh>
    <rPh sb="391" eb="392">
      <t>カズ</t>
    </rPh>
    <phoneticPr fontId="1"/>
  </si>
  <si>
    <t>◎基準条例第6条
　軽費老人ホームの職員は、専ら当該軽費老人ホームの職務に従事する者でなければならない。ただし、入所者に提供
　するサービスに支障がない場合は、この限りでない。
○解釈通知第1-5
・入所者へのサービスの提供に万全を期すため、軽費老人ホームの職員は当該施設の職務に専念すべきこととしたもの
　であり、職員の他の職業との兼業を禁止する趣旨のものではない。
・法人内の他の職務であっても、同時並行的に行われるものではない職務であれば、各々の職務に従事すべき時間帯が
　明確に区分された上で勤務することは差し支えない。
・ただし書の規定は、直接入所者へのサービスの提供に当たる生活相談員及び介護職員については、適用されない。ま
　た、その他の職員についても、同一敷地内に設置されている他の社会福祉施設等に兼ねて勤務する場合等であって、
　兼務によっても入所者へのサービスの提供に支障をきたさない場合に限り適用される。</t>
    <rPh sb="1" eb="5">
      <t>キジュンジョウレイ</t>
    </rPh>
    <rPh sb="5" eb="6">
      <t>ダイ</t>
    </rPh>
    <rPh sb="7" eb="8">
      <t>ジョウ</t>
    </rPh>
    <rPh sb="90" eb="95">
      <t>カイシャクツウチダイ</t>
    </rPh>
    <rPh sb="100" eb="103">
      <t>ニュウショシャ</t>
    </rPh>
    <rPh sb="110" eb="112">
      <t>テイキョウ</t>
    </rPh>
    <rPh sb="113" eb="115">
      <t>バンゼン</t>
    </rPh>
    <rPh sb="116" eb="117">
      <t>キ</t>
    </rPh>
    <rPh sb="121" eb="125">
      <t>ケイヒロウジン</t>
    </rPh>
    <rPh sb="129" eb="131">
      <t>ショクイン</t>
    </rPh>
    <rPh sb="132" eb="134">
      <t>トウガイ</t>
    </rPh>
    <rPh sb="134" eb="136">
      <t>シセツ</t>
    </rPh>
    <rPh sb="137" eb="139">
      <t>ショクム</t>
    </rPh>
    <rPh sb="140" eb="142">
      <t>センネン</t>
    </rPh>
    <rPh sb="158" eb="160">
      <t>ショクイン</t>
    </rPh>
    <rPh sb="161" eb="162">
      <t>タ</t>
    </rPh>
    <rPh sb="163" eb="165">
      <t>ショクギョウ</t>
    </rPh>
    <rPh sb="167" eb="169">
      <t>ケンギョウ</t>
    </rPh>
    <rPh sb="170" eb="172">
      <t>キンシ</t>
    </rPh>
    <rPh sb="174" eb="176">
      <t>シュシ</t>
    </rPh>
    <rPh sb="287" eb="289">
      <t>テイキョウ</t>
    </rPh>
    <rPh sb="298" eb="299">
      <t>オヨ</t>
    </rPh>
    <rPh sb="391" eb="393">
      <t>テイキョウ</t>
    </rPh>
    <phoneticPr fontId="1"/>
  </si>
  <si>
    <t>◎基準条例第11条
1 軽費老人ホームに置くべき職員及びその員数は、次のとおりとする。
　(2) 生活相談員　入所者が120人又はその端数を増すごとに1人以上
5 第1項第2号の生活相談員を置く場合にあっては、当該生活相談員のうち1人以上は、常勤の者でなければならない。
6 指定特定施設入居者生活介護、指定介護予防特定施設入居者生活介護又は指定地域密着型特定施設入居者生活介護を
　行う軽費老人ホームにあっては、入所者に提供するサービスに支障がないときは、第1項第2号の生活相談員のうち1
　人を置かないことができる。</t>
    <rPh sb="1" eb="5">
      <t>キジュンジョウレイ</t>
    </rPh>
    <rPh sb="5" eb="6">
      <t>ダイ</t>
    </rPh>
    <rPh sb="8" eb="9">
      <t>ジョウ</t>
    </rPh>
    <phoneticPr fontId="1"/>
  </si>
  <si>
    <t>○解釈通知第1-6
【職員の数】
　基準を満たす範囲において「○人以上」と記載して差し支えない。
【入所者に提供するサービスの内容】
　日常生活を送る上での一日当たりの日課やレクリエーション及び年間行事等を含めた提供するサービスの内容を指
　すものであること。
【費用の額】
　生活費や居住に要する費用のほか、日常生活等を送る上で入所者から徴収する費用の額を規定するものであること。
【施設の利用に当たっての留意事項】
　入所者側が留意すべき事項（入所生活上のルール、設備の利用上の留意事項等）を指すものであること。
【非常災害対策】
　非常災害に関する具体的な計画を指すものであること。
　※本市においては、火災、風水害、地震、津波、火山災害等個別に具体的計画を定めなければならない。
【虐待の防止のための措置に関する事項】
　虐待の防止に係る組織内の体制（責任者の選定、職員への研修方法や研修計画等）や虐待等が発生した場合の対応方
　法等を指す内容であること。
【その他施設の運営に関する重要事項】
　当該入所者又は他の入所者等の生命又は身体を保護するため緊急やむを得ない場合に身体的拘束等を行う際の手続に
　ついて定めておくことが望ましい。</t>
    <rPh sb="54" eb="56">
      <t>テイキョウ</t>
    </rPh>
    <rPh sb="106" eb="108">
      <t>テイキョウ</t>
    </rPh>
    <rPh sb="139" eb="142">
      <t>セイカツヒ</t>
    </rPh>
    <rPh sb="143" eb="145">
      <t>キョジュウ</t>
    </rPh>
    <rPh sb="146" eb="147">
      <t>ヨウ</t>
    </rPh>
    <rPh sb="149" eb="151">
      <t>ヒヨウ</t>
    </rPh>
    <rPh sb="161" eb="162">
      <t>オク</t>
    </rPh>
    <rPh sb="170" eb="172">
      <t>チョウシュウ</t>
    </rPh>
    <rPh sb="269" eb="271">
      <t>ヒジョウ</t>
    </rPh>
    <rPh sb="271" eb="273">
      <t>サイガイ</t>
    </rPh>
    <rPh sb="274" eb="275">
      <t>カン</t>
    </rPh>
    <rPh sb="277" eb="280">
      <t>グタイテキ</t>
    </rPh>
    <rPh sb="424" eb="426">
      <t>ナイヨウ</t>
    </rPh>
    <phoneticPr fontId="1"/>
  </si>
  <si>
    <t>○解釈通知第1-7
【消火設備その他の非常災害に際して必要な設備】
　消防法第17条の規定に基づく消防用設備等及び風水害、地震等の災害に際して必要な設備をいう。
【非常災害に関する具体的計画】
・消防法施行規則第3条に規定する消防計画（これに準ずる計画を含む。）及び風水害、地震等の災害に対処するため
　の計画をいう。この場合、消防計画の策定及びこれに基づく消防業務の実施は、消防法第8条の規定により防火管理
　者を置くこととされている軽費老人ホームにあってはその者に行わせること。また、防火管理者を置かなくてもよい
　こととされている軽費老人ホームにおいても、防火管理の責任者を定め、その者に消防計画の策定等の業務を行わせ
　ること。
・軽費老人ホームにおける火災の防止等については、「社会福祉施設における防火安全対策の強化について（昭和62年
　9月18日社施第107号社会局長、児童家庭局長連名通知）」等に留意すること。
【関係機関への通報及び連携体制の整備】
　火災等の災害時に、地域の消防機関へ速やかに通報する体制をとるよう職員に周知徹底するとともに、日頃から消防
　団や地域住民との連携を図り、火災等の際に消火・避難等に協力してもらえるような体制作りを求めることとしたも
　のである。
【避難、救出その他必要な訓練】
　訓練の実施に当たっては、消防関係者の参加を促し、具体的な指示を仰ぐなど、より実効性のあるものとすること。</t>
    <rPh sb="11" eb="13">
      <t>ショウカ</t>
    </rPh>
    <rPh sb="13" eb="15">
      <t>セツビ</t>
    </rPh>
    <rPh sb="17" eb="18">
      <t>タ</t>
    </rPh>
    <rPh sb="19" eb="21">
      <t>ヒジョウ</t>
    </rPh>
    <rPh sb="21" eb="23">
      <t>サイガイ</t>
    </rPh>
    <rPh sb="24" eb="25">
      <t>サイ</t>
    </rPh>
    <rPh sb="27" eb="29">
      <t>ヒツヨウ</t>
    </rPh>
    <rPh sb="30" eb="32">
      <t>セツビ</t>
    </rPh>
    <rPh sb="35" eb="38">
      <t>ショウボウホウ</t>
    </rPh>
    <rPh sb="38" eb="39">
      <t>ダイ</t>
    </rPh>
    <rPh sb="41" eb="42">
      <t>ジョウ</t>
    </rPh>
    <rPh sb="43" eb="45">
      <t>キテイ</t>
    </rPh>
    <rPh sb="46" eb="47">
      <t>モト</t>
    </rPh>
    <rPh sb="49" eb="52">
      <t>ショウボウヨウ</t>
    </rPh>
    <rPh sb="52" eb="54">
      <t>セツビ</t>
    </rPh>
    <rPh sb="54" eb="55">
      <t>トウ</t>
    </rPh>
    <rPh sb="55" eb="56">
      <t>オヨ</t>
    </rPh>
    <rPh sb="57" eb="60">
      <t>フウスイガイ</t>
    </rPh>
    <rPh sb="61" eb="63">
      <t>ジシン</t>
    </rPh>
    <rPh sb="63" eb="64">
      <t>トウ</t>
    </rPh>
    <rPh sb="65" eb="67">
      <t>サイガイ</t>
    </rPh>
    <rPh sb="68" eb="69">
      <t>サイ</t>
    </rPh>
    <rPh sb="71" eb="73">
      <t>ヒツヨウ</t>
    </rPh>
    <rPh sb="74" eb="76">
      <t>セツビ</t>
    </rPh>
    <rPh sb="82" eb="84">
      <t>ヒジョウ</t>
    </rPh>
    <rPh sb="84" eb="86">
      <t>サイガイ</t>
    </rPh>
    <rPh sb="87" eb="88">
      <t>カン</t>
    </rPh>
    <rPh sb="90" eb="93">
      <t>グタイテキ</t>
    </rPh>
    <rPh sb="93" eb="95">
      <t>ケイカク</t>
    </rPh>
    <rPh sb="98" eb="101">
      <t>ショウボウホウ</t>
    </rPh>
    <rPh sb="101" eb="103">
      <t>セコウ</t>
    </rPh>
    <rPh sb="103" eb="105">
      <t>キソク</t>
    </rPh>
    <rPh sb="105" eb="106">
      <t>ダイ</t>
    </rPh>
    <rPh sb="107" eb="108">
      <t>ジョウ</t>
    </rPh>
    <rPh sb="109" eb="111">
      <t>キテイ</t>
    </rPh>
    <rPh sb="113" eb="115">
      <t>ショウボウ</t>
    </rPh>
    <rPh sb="115" eb="117">
      <t>ケイカク</t>
    </rPh>
    <rPh sb="121" eb="122">
      <t>ジュン</t>
    </rPh>
    <rPh sb="124" eb="126">
      <t>ケイカク</t>
    </rPh>
    <rPh sb="127" eb="128">
      <t>フク</t>
    </rPh>
    <rPh sb="131" eb="132">
      <t>オヨ</t>
    </rPh>
    <rPh sb="133" eb="136">
      <t>フウスイガイ</t>
    </rPh>
    <rPh sb="137" eb="139">
      <t>ジシン</t>
    </rPh>
    <rPh sb="139" eb="140">
      <t>トウ</t>
    </rPh>
    <rPh sb="141" eb="143">
      <t>サイガイ</t>
    </rPh>
    <rPh sb="144" eb="146">
      <t>タイショ</t>
    </rPh>
    <rPh sb="153" eb="155">
      <t>ケイカク</t>
    </rPh>
    <rPh sb="161" eb="163">
      <t>バアイ</t>
    </rPh>
    <rPh sb="164" eb="166">
      <t>ショウボウ</t>
    </rPh>
    <rPh sb="166" eb="168">
      <t>ケイカク</t>
    </rPh>
    <rPh sb="169" eb="171">
      <t>サクテイ</t>
    </rPh>
    <rPh sb="171" eb="172">
      <t>オヨ</t>
    </rPh>
    <rPh sb="176" eb="177">
      <t>モト</t>
    </rPh>
    <rPh sb="179" eb="181">
      <t>ショウボウ</t>
    </rPh>
    <rPh sb="181" eb="183">
      <t>ギョウム</t>
    </rPh>
    <rPh sb="184" eb="186">
      <t>ジッシ</t>
    </rPh>
    <rPh sb="188" eb="191">
      <t>ショウボウホウ</t>
    </rPh>
    <rPh sb="191" eb="192">
      <t>ダイ</t>
    </rPh>
    <rPh sb="193" eb="194">
      <t>ジョウ</t>
    </rPh>
    <rPh sb="195" eb="197">
      <t>キテイ</t>
    </rPh>
    <rPh sb="200" eb="202">
      <t>ボウカ</t>
    </rPh>
    <rPh sb="208" eb="209">
      <t>オ</t>
    </rPh>
    <rPh sb="232" eb="233">
      <t>モノ</t>
    </rPh>
    <rPh sb="234" eb="235">
      <t>オコナ</t>
    </rPh>
    <rPh sb="244" eb="246">
      <t>ボウカ</t>
    </rPh>
    <rPh sb="246" eb="249">
      <t>カンリシャ</t>
    </rPh>
    <rPh sb="250" eb="251">
      <t>オ</t>
    </rPh>
    <rPh sb="281" eb="283">
      <t>ボウカ</t>
    </rPh>
    <rPh sb="283" eb="285">
      <t>カンリ</t>
    </rPh>
    <rPh sb="286" eb="289">
      <t>セキニンシャ</t>
    </rPh>
    <rPh sb="290" eb="291">
      <t>サダ</t>
    </rPh>
    <rPh sb="295" eb="296">
      <t>モノ</t>
    </rPh>
    <rPh sb="297" eb="299">
      <t>ショウボウ</t>
    </rPh>
    <rPh sb="299" eb="301">
      <t>ケイカク</t>
    </rPh>
    <rPh sb="302" eb="304">
      <t>サクテイ</t>
    </rPh>
    <rPh sb="304" eb="305">
      <t>トウ</t>
    </rPh>
    <rPh sb="306" eb="308">
      <t>ギョウム</t>
    </rPh>
    <rPh sb="309" eb="310">
      <t>オコナ</t>
    </rPh>
    <rPh sb="320" eb="324">
      <t>ケイヒロウジン</t>
    </rPh>
    <rPh sb="331" eb="333">
      <t>カサイ</t>
    </rPh>
    <rPh sb="334" eb="336">
      <t>ボウシ</t>
    </rPh>
    <rPh sb="336" eb="337">
      <t>トウ</t>
    </rPh>
    <rPh sb="344" eb="346">
      <t>シャカイ</t>
    </rPh>
    <rPh sb="346" eb="348">
      <t>フクシ</t>
    </rPh>
    <rPh sb="348" eb="350">
      <t>シセツ</t>
    </rPh>
    <rPh sb="354" eb="356">
      <t>ボウカ</t>
    </rPh>
    <rPh sb="356" eb="358">
      <t>アンゼン</t>
    </rPh>
    <rPh sb="358" eb="360">
      <t>タイサク</t>
    </rPh>
    <rPh sb="361" eb="363">
      <t>キョウカ</t>
    </rPh>
    <rPh sb="368" eb="370">
      <t>ショウワ</t>
    </rPh>
    <rPh sb="372" eb="373">
      <t>ネン</t>
    </rPh>
    <rPh sb="376" eb="377">
      <t>ガツ</t>
    </rPh>
    <rPh sb="379" eb="380">
      <t>ニチ</t>
    </rPh>
    <rPh sb="380" eb="381">
      <t>シャ</t>
    </rPh>
    <phoneticPr fontId="1"/>
  </si>
  <si>
    <t>○解釈通知第1-8
　少なくとも次に掲げる記録を備えなければならないこととしたもの。
　(1) 運営に関する記録
　　・事業日誌
　　・沿革に関する記録
　　・職員の勤務状況、給与等に関する記録
　　・条例、定款及び施設運営に必要な諸規程
　　・重要な会議に関する記録
　　・月間及び年間の事業計画及び事業実施状況表
　　・関係官署に対する報告書等の文書綴</t>
    <rPh sb="101" eb="103">
      <t>ジョウレイ</t>
    </rPh>
    <phoneticPr fontId="1"/>
  </si>
  <si>
    <t>○解釈通知第4-1
・第1項は、入所者へのサービスの提供の開始に際し、あらかじめ、入所申込者又はその家族に対し、当該施設の運営
　規程の概要、職員の勤務体制、事故発生時の対応、苦情処理の体制、提供するサービスの第三者評価の実施状況（実
　施の有無、実施した直近の年月日、実施した評価機関の名称、評価結果の開示状況）等の入所申込者がサービスを選
　択するために必要な重要事項について、わかりやすい説明書やパンフレット等の文書を交付して懇切丁寧に説明を行
　い、当該施設からサービスの提供を受けることにつき同意を得なければならないこととしたものである。</t>
    <rPh sb="1" eb="3">
      <t>カイシャク</t>
    </rPh>
    <rPh sb="3" eb="5">
      <t>ツウチ</t>
    </rPh>
    <rPh sb="5" eb="6">
      <t>ダイ</t>
    </rPh>
    <rPh sb="11" eb="12">
      <t>ダイ</t>
    </rPh>
    <rPh sb="13" eb="14">
      <t>コウ</t>
    </rPh>
    <rPh sb="16" eb="19">
      <t>ニュウショシャ</t>
    </rPh>
    <rPh sb="26" eb="28">
      <t>テイキョウ</t>
    </rPh>
    <rPh sb="29" eb="31">
      <t>カイシ</t>
    </rPh>
    <rPh sb="32" eb="33">
      <t>サイ</t>
    </rPh>
    <rPh sb="45" eb="46">
      <t>シャ</t>
    </rPh>
    <rPh sb="65" eb="67">
      <t>キテイ</t>
    </rPh>
    <rPh sb="159" eb="161">
      <t>ニュウショ</t>
    </rPh>
    <rPh sb="161" eb="163">
      <t>モウシコミ</t>
    </rPh>
    <rPh sb="163" eb="164">
      <t>シャ</t>
    </rPh>
    <rPh sb="179" eb="181">
      <t>ヒツヨウ</t>
    </rPh>
    <rPh sb="182" eb="184">
      <t>ジュウヨウ</t>
    </rPh>
    <rPh sb="184" eb="186">
      <t>ジコウ</t>
    </rPh>
    <rPh sb="197" eb="200">
      <t>セツメイショ</t>
    </rPh>
    <rPh sb="207" eb="208">
      <t>トウ</t>
    </rPh>
    <rPh sb="209" eb="211">
      <t>ブンショ</t>
    </rPh>
    <rPh sb="212" eb="214">
      <t>コウフ</t>
    </rPh>
    <rPh sb="216" eb="218">
      <t>コンセツ</t>
    </rPh>
    <rPh sb="218" eb="220">
      <t>テイネイ</t>
    </rPh>
    <rPh sb="221" eb="223">
      <t>セツメイ</t>
    </rPh>
    <rPh sb="224" eb="225">
      <t>オコナ</t>
    </rPh>
    <rPh sb="229" eb="231">
      <t>トウガイ</t>
    </rPh>
    <rPh sb="231" eb="233">
      <t>シセツ</t>
    </rPh>
    <rPh sb="240" eb="242">
      <t>テイキョウ</t>
    </rPh>
    <rPh sb="243" eb="244">
      <t>ウ</t>
    </rPh>
    <rPh sb="251" eb="253">
      <t>ドウイ</t>
    </rPh>
    <rPh sb="254" eb="255">
      <t>エ</t>
    </rPh>
    <phoneticPr fontId="1"/>
  </si>
  <si>
    <t>○解釈通知第5-1
・第1項は、入所予定者に対し、日常生活の自立を図るとともに安心して生き生きと明るく生活を送るためにどのよう
　な支援が必要であるかについて判断するため、その者の心身の状況や家族等の状況、生活歴等、必要な事項について
　把握し、当該施設において提供することができるサービスにより生活を継続することが可能な状態かどうかを明らか
　にすることが重要であるとしたものである。</t>
    <rPh sb="1" eb="3">
      <t>カイシャク</t>
    </rPh>
    <rPh sb="3" eb="5">
      <t>ツウチ</t>
    </rPh>
    <rPh sb="5" eb="6">
      <t>ダイ</t>
    </rPh>
    <rPh sb="11" eb="12">
      <t>ダイ</t>
    </rPh>
    <rPh sb="13" eb="14">
      <t>コウ</t>
    </rPh>
    <rPh sb="16" eb="18">
      <t>ニュウショ</t>
    </rPh>
    <rPh sb="18" eb="21">
      <t>ヨテイシャ</t>
    </rPh>
    <rPh sb="22" eb="23">
      <t>タイ</t>
    </rPh>
    <rPh sb="25" eb="27">
      <t>ニチジョウ</t>
    </rPh>
    <rPh sb="27" eb="29">
      <t>セイカツ</t>
    </rPh>
    <rPh sb="30" eb="32">
      <t>ジリツ</t>
    </rPh>
    <rPh sb="33" eb="34">
      <t>ハカ</t>
    </rPh>
    <rPh sb="39" eb="41">
      <t>アンシン</t>
    </rPh>
    <rPh sb="43" eb="44">
      <t>イ</t>
    </rPh>
    <rPh sb="45" eb="46">
      <t>イ</t>
    </rPh>
    <rPh sb="48" eb="49">
      <t>アカ</t>
    </rPh>
    <rPh sb="51" eb="53">
      <t>セイカツ</t>
    </rPh>
    <rPh sb="54" eb="55">
      <t>オク</t>
    </rPh>
    <rPh sb="66" eb="68">
      <t>シエン</t>
    </rPh>
    <rPh sb="69" eb="71">
      <t>ヒツヨウ</t>
    </rPh>
    <rPh sb="79" eb="81">
      <t>ハンダン</t>
    </rPh>
    <rPh sb="88" eb="89">
      <t>モノ</t>
    </rPh>
    <rPh sb="90" eb="92">
      <t>シンシン</t>
    </rPh>
    <rPh sb="93" eb="95">
      <t>ジョウキョウ</t>
    </rPh>
    <rPh sb="96" eb="98">
      <t>カゾク</t>
    </rPh>
    <rPh sb="98" eb="99">
      <t>トウ</t>
    </rPh>
    <rPh sb="100" eb="102">
      <t>ジョウキョウ</t>
    </rPh>
    <rPh sb="103" eb="105">
      <t>セイカツ</t>
    </rPh>
    <rPh sb="105" eb="106">
      <t>レキ</t>
    </rPh>
    <rPh sb="106" eb="107">
      <t>トウ</t>
    </rPh>
    <rPh sb="108" eb="110">
      <t>ヒツヨウ</t>
    </rPh>
    <rPh sb="111" eb="113">
      <t>ジコウ</t>
    </rPh>
    <rPh sb="119" eb="121">
      <t>ハアク</t>
    </rPh>
    <rPh sb="123" eb="125">
      <t>トウガイ</t>
    </rPh>
    <rPh sb="125" eb="127">
      <t>シセツ</t>
    </rPh>
    <rPh sb="131" eb="133">
      <t>テイキョウ</t>
    </rPh>
    <rPh sb="148" eb="150">
      <t>セイカツ</t>
    </rPh>
    <rPh sb="151" eb="153">
      <t>ケイゾク</t>
    </rPh>
    <rPh sb="158" eb="160">
      <t>カノウ</t>
    </rPh>
    <rPh sb="161" eb="163">
      <t>ジョウタイ</t>
    </rPh>
    <rPh sb="168" eb="169">
      <t>アキ</t>
    </rPh>
    <rPh sb="179" eb="181">
      <t>ジュウヨウ</t>
    </rPh>
    <phoneticPr fontId="1"/>
  </si>
  <si>
    <t>・第2項の「入所中に提供することができるサービスの内容等」は、当該施設において提供されるサービス（特定施設
　入居者生活介護（介護予防特定施設入居者生活介護も含む。）の指定を受けている場合にはこれを含む。）のほか、
　当該施設に入所しながら受けることができる訪問介護等の居宅サービスその他の保健医療サービス又は福祉サービス
　等の各種サービスを含むものである。
・第2項は、入所者が入所しながら受けることができる各種サービスを総合的に判断した上で、日常生活を営むことが
　困難であると認められる状態となった場合には、本人又は家族との話し合いの場を設けること等により、施設におい
　て提供できるサービスとその者の状態に関する説明を行うとともに、その者の状態に適合するサービスにつなげるた
　めの情報提供等の必要な援助に努めることを規定したものである。
・なお、この話し合いに当たっては、その者及び家族の希望を十分に勘案しなければならず、安易に施設側の理由によ
　り退所を促すことのないよう留意すること。</t>
    <rPh sb="1" eb="2">
      <t>ダイ</t>
    </rPh>
    <rPh sb="3" eb="4">
      <t>コウ</t>
    </rPh>
    <rPh sb="6" eb="9">
      <t>ニュウショチュウ</t>
    </rPh>
    <rPh sb="10" eb="12">
      <t>テイキョウ</t>
    </rPh>
    <rPh sb="25" eb="27">
      <t>ナイヨウ</t>
    </rPh>
    <rPh sb="27" eb="28">
      <t>トウ</t>
    </rPh>
    <rPh sb="31" eb="33">
      <t>トウガイ</t>
    </rPh>
    <rPh sb="33" eb="35">
      <t>シセツ</t>
    </rPh>
    <rPh sb="39" eb="41">
      <t>テイキョウ</t>
    </rPh>
    <rPh sb="49" eb="51">
      <t>トクテイ</t>
    </rPh>
    <rPh sb="51" eb="53">
      <t>シセツ</t>
    </rPh>
    <rPh sb="55" eb="58">
      <t>ニュウキョシャ</t>
    </rPh>
    <rPh sb="58" eb="60">
      <t>セイカツ</t>
    </rPh>
    <rPh sb="60" eb="62">
      <t>カイゴ</t>
    </rPh>
    <rPh sb="63" eb="65">
      <t>カイゴ</t>
    </rPh>
    <rPh sb="65" eb="67">
      <t>ヨボウ</t>
    </rPh>
    <rPh sb="67" eb="69">
      <t>トクテイ</t>
    </rPh>
    <rPh sb="69" eb="71">
      <t>シセツ</t>
    </rPh>
    <rPh sb="71" eb="74">
      <t>ニュウキョシャ</t>
    </rPh>
    <rPh sb="74" eb="76">
      <t>セイカツ</t>
    </rPh>
    <rPh sb="76" eb="78">
      <t>カイゴ</t>
    </rPh>
    <rPh sb="79" eb="80">
      <t>フク</t>
    </rPh>
    <rPh sb="84" eb="86">
      <t>シテイ</t>
    </rPh>
    <rPh sb="87" eb="88">
      <t>ウ</t>
    </rPh>
    <rPh sb="92" eb="94">
      <t>バアイ</t>
    </rPh>
    <rPh sb="99" eb="100">
      <t>フク</t>
    </rPh>
    <rPh sb="109" eb="111">
      <t>トウガイ</t>
    </rPh>
    <rPh sb="111" eb="113">
      <t>シセツ</t>
    </rPh>
    <rPh sb="114" eb="116">
      <t>ニュウショ</t>
    </rPh>
    <rPh sb="120" eb="121">
      <t>ウ</t>
    </rPh>
    <rPh sb="129" eb="131">
      <t>ホウモン</t>
    </rPh>
    <rPh sb="131" eb="133">
      <t>カイゴ</t>
    </rPh>
    <rPh sb="133" eb="134">
      <t>トウ</t>
    </rPh>
    <rPh sb="135" eb="137">
      <t>キョタク</t>
    </rPh>
    <rPh sb="143" eb="144">
      <t>タ</t>
    </rPh>
    <rPh sb="145" eb="147">
      <t>ホケン</t>
    </rPh>
    <rPh sb="147" eb="149">
      <t>イリョウ</t>
    </rPh>
    <rPh sb="153" eb="154">
      <t>マタ</t>
    </rPh>
    <rPh sb="155" eb="157">
      <t>フクシ</t>
    </rPh>
    <rPh sb="163" eb="164">
      <t>トウ</t>
    </rPh>
    <rPh sb="165" eb="167">
      <t>カクシュ</t>
    </rPh>
    <rPh sb="172" eb="173">
      <t>フク</t>
    </rPh>
    <rPh sb="182" eb="183">
      <t>ダイ</t>
    </rPh>
    <rPh sb="184" eb="185">
      <t>コウ</t>
    </rPh>
    <rPh sb="187" eb="190">
      <t>ニュウショシャ</t>
    </rPh>
    <rPh sb="191" eb="193">
      <t>ニュウショ</t>
    </rPh>
    <rPh sb="197" eb="198">
      <t>ウ</t>
    </rPh>
    <rPh sb="206" eb="208">
      <t>カクシュ</t>
    </rPh>
    <rPh sb="213" eb="216">
      <t>ソウゴウテキ</t>
    </rPh>
    <rPh sb="217" eb="219">
      <t>ハンダン</t>
    </rPh>
    <rPh sb="221" eb="222">
      <t>ウエ</t>
    </rPh>
    <rPh sb="224" eb="226">
      <t>ニチジョウ</t>
    </rPh>
    <rPh sb="226" eb="228">
      <t>セイカツ</t>
    </rPh>
    <rPh sb="229" eb="230">
      <t>イトナ</t>
    </rPh>
    <rPh sb="236" eb="238">
      <t>コンナン</t>
    </rPh>
    <rPh sb="242" eb="243">
      <t>ミト</t>
    </rPh>
    <rPh sb="247" eb="249">
      <t>ジョウタイ</t>
    </rPh>
    <rPh sb="253" eb="255">
      <t>バアイ</t>
    </rPh>
    <rPh sb="258" eb="260">
      <t>ホンニン</t>
    </rPh>
    <rPh sb="260" eb="261">
      <t>マタ</t>
    </rPh>
    <rPh sb="262" eb="264">
      <t>カゾク</t>
    </rPh>
    <rPh sb="266" eb="267">
      <t>ハナ</t>
    </rPh>
    <rPh sb="268" eb="269">
      <t>ア</t>
    </rPh>
    <rPh sb="271" eb="272">
      <t>バ</t>
    </rPh>
    <rPh sb="273" eb="274">
      <t>モウ</t>
    </rPh>
    <rPh sb="278" eb="279">
      <t>トウ</t>
    </rPh>
    <rPh sb="283" eb="285">
      <t>シセツ</t>
    </rPh>
    <rPh sb="291" eb="293">
      <t>テイキョウ</t>
    </rPh>
    <rPh sb="303" eb="304">
      <t>モノ</t>
    </rPh>
    <rPh sb="305" eb="307">
      <t>ジョウタイ</t>
    </rPh>
    <rPh sb="308" eb="309">
      <t>カン</t>
    </rPh>
    <rPh sb="311" eb="313">
      <t>セツメイ</t>
    </rPh>
    <rPh sb="314" eb="315">
      <t>オコナ</t>
    </rPh>
    <rPh sb="323" eb="324">
      <t>モノ</t>
    </rPh>
    <rPh sb="325" eb="327">
      <t>ジョウタイ</t>
    </rPh>
    <rPh sb="328" eb="330">
      <t>テキゴウ</t>
    </rPh>
    <rPh sb="346" eb="348">
      <t>ジョウホウ</t>
    </rPh>
    <rPh sb="348" eb="350">
      <t>テイキョウ</t>
    </rPh>
    <rPh sb="350" eb="351">
      <t>トウ</t>
    </rPh>
    <rPh sb="352" eb="354">
      <t>ヒツヨウ</t>
    </rPh>
    <rPh sb="355" eb="357">
      <t>エンジョ</t>
    </rPh>
    <rPh sb="358" eb="359">
      <t>ツト</t>
    </rPh>
    <rPh sb="364" eb="366">
      <t>キテイ</t>
    </rPh>
    <rPh sb="381" eb="382">
      <t>ハナ</t>
    </rPh>
    <rPh sb="383" eb="384">
      <t>ア</t>
    </rPh>
    <rPh sb="386" eb="387">
      <t>ア</t>
    </rPh>
    <rPh sb="394" eb="395">
      <t>モノ</t>
    </rPh>
    <rPh sb="395" eb="396">
      <t>オヨ</t>
    </rPh>
    <rPh sb="397" eb="399">
      <t>カゾク</t>
    </rPh>
    <rPh sb="400" eb="402">
      <t>キボウ</t>
    </rPh>
    <rPh sb="403" eb="405">
      <t>ジュウブン</t>
    </rPh>
    <rPh sb="406" eb="408">
      <t>カンアン</t>
    </rPh>
    <rPh sb="417" eb="419">
      <t>アンイ</t>
    </rPh>
    <rPh sb="420" eb="422">
      <t>シセツ</t>
    </rPh>
    <rPh sb="422" eb="423">
      <t>ガワ</t>
    </rPh>
    <rPh sb="424" eb="426">
      <t>リユウ</t>
    </rPh>
    <rPh sb="431" eb="433">
      <t>タイショ</t>
    </rPh>
    <rPh sb="434" eb="435">
      <t>ウナガ</t>
    </rPh>
    <rPh sb="443" eb="445">
      <t>リュウイ</t>
    </rPh>
    <phoneticPr fontId="1"/>
  </si>
  <si>
    <t>◎基準条例第15条
　軽費老人ホームは、提供した具体的なサービスの内容等を記録しなければならない。
○解釈通知第5-2
・サービスの提供日、提供した具体的なサービスの内容、入所者の心身の状況その他必要な事項を記録しなければなら
　ないこととしたものである。</t>
    <rPh sb="1" eb="5">
      <t>キジュンジョウレイ</t>
    </rPh>
    <rPh sb="5" eb="6">
      <t>ダイ</t>
    </rPh>
    <rPh sb="8" eb="9">
      <t>ジョウ</t>
    </rPh>
    <rPh sb="11" eb="13">
      <t>ケイヒ</t>
    </rPh>
    <rPh sb="13" eb="15">
      <t>ロウジン</t>
    </rPh>
    <rPh sb="20" eb="22">
      <t>テイキョウ</t>
    </rPh>
    <rPh sb="24" eb="27">
      <t>グタイテキ</t>
    </rPh>
    <rPh sb="33" eb="35">
      <t>ナイヨウ</t>
    </rPh>
    <rPh sb="35" eb="36">
      <t>トウ</t>
    </rPh>
    <rPh sb="37" eb="39">
      <t>キロク</t>
    </rPh>
    <rPh sb="51" eb="53">
      <t>カイシャク</t>
    </rPh>
    <rPh sb="53" eb="55">
      <t>ツウチ</t>
    </rPh>
    <rPh sb="55" eb="56">
      <t>ダイ</t>
    </rPh>
    <rPh sb="66" eb="68">
      <t>テイキョウ</t>
    </rPh>
    <rPh sb="68" eb="69">
      <t>ビ</t>
    </rPh>
    <rPh sb="70" eb="72">
      <t>テイキョウ</t>
    </rPh>
    <rPh sb="74" eb="77">
      <t>グタイテキ</t>
    </rPh>
    <rPh sb="83" eb="85">
      <t>ナイヨウ</t>
    </rPh>
    <rPh sb="86" eb="89">
      <t>ニュウショシャ</t>
    </rPh>
    <rPh sb="90" eb="92">
      <t>シンシン</t>
    </rPh>
    <rPh sb="93" eb="95">
      <t>ジョウキョウ</t>
    </rPh>
    <rPh sb="97" eb="98">
      <t>タ</t>
    </rPh>
    <rPh sb="98" eb="100">
      <t>ヒツヨウ</t>
    </rPh>
    <rPh sb="101" eb="103">
      <t>ジコウ</t>
    </rPh>
    <rPh sb="104" eb="106">
      <t>キロク</t>
    </rPh>
    <phoneticPr fontId="1"/>
  </si>
  <si>
    <t>○解釈通知第5-3
・入所者1人1か月当たりの基本利用料は、サービスの提供に要する費用、生活費及び居住に要する費用の合算額以下と
　する。
【サービスの提供に要する費用】
・旧通知の「事務費」をいうものであること。
・市長が定める額を上限とし、設定に当たっては、地域の実情その他の事情を総合的に勘案するよう努めること。</t>
    <rPh sb="1" eb="3">
      <t>カイシャク</t>
    </rPh>
    <rPh sb="3" eb="5">
      <t>ツウチ</t>
    </rPh>
    <rPh sb="5" eb="6">
      <t>ダイ</t>
    </rPh>
    <rPh sb="11" eb="14">
      <t>ニュウショシャ</t>
    </rPh>
    <rPh sb="15" eb="16">
      <t>ニン</t>
    </rPh>
    <rPh sb="18" eb="19">
      <t>ゲツ</t>
    </rPh>
    <rPh sb="19" eb="20">
      <t>ア</t>
    </rPh>
    <rPh sb="23" eb="25">
      <t>キホン</t>
    </rPh>
    <rPh sb="25" eb="28">
      <t>リヨウリョウ</t>
    </rPh>
    <rPh sb="35" eb="37">
      <t>テイキョウ</t>
    </rPh>
    <rPh sb="38" eb="39">
      <t>ヨウ</t>
    </rPh>
    <rPh sb="41" eb="43">
      <t>ヒヨウ</t>
    </rPh>
    <rPh sb="44" eb="47">
      <t>セイカツヒ</t>
    </rPh>
    <rPh sb="47" eb="48">
      <t>オヨ</t>
    </rPh>
    <rPh sb="49" eb="51">
      <t>キョジュウ</t>
    </rPh>
    <rPh sb="52" eb="53">
      <t>ヨウ</t>
    </rPh>
    <rPh sb="55" eb="57">
      <t>ヒヨウ</t>
    </rPh>
    <rPh sb="58" eb="60">
      <t>ガッサン</t>
    </rPh>
    <rPh sb="60" eb="61">
      <t>ガク</t>
    </rPh>
    <rPh sb="61" eb="63">
      <t>イカ</t>
    </rPh>
    <rPh sb="76" eb="78">
      <t>テイキョウ</t>
    </rPh>
    <rPh sb="79" eb="80">
      <t>ヨウ</t>
    </rPh>
    <rPh sb="82" eb="84">
      <t>ヒヨウ</t>
    </rPh>
    <rPh sb="87" eb="88">
      <t>キュウ</t>
    </rPh>
    <rPh sb="88" eb="90">
      <t>ツウチ</t>
    </rPh>
    <rPh sb="92" eb="95">
      <t>ジムヒ</t>
    </rPh>
    <rPh sb="109" eb="111">
      <t>シチョウ</t>
    </rPh>
    <rPh sb="112" eb="113">
      <t>サダ</t>
    </rPh>
    <rPh sb="115" eb="116">
      <t>ガク</t>
    </rPh>
    <rPh sb="117" eb="119">
      <t>ジョウゲン</t>
    </rPh>
    <rPh sb="122" eb="124">
      <t>セッテイ</t>
    </rPh>
    <rPh sb="125" eb="126">
      <t>ア</t>
    </rPh>
    <rPh sb="131" eb="133">
      <t>チイキ</t>
    </rPh>
    <rPh sb="134" eb="136">
      <t>ジツジョウ</t>
    </rPh>
    <rPh sb="138" eb="139">
      <t>タ</t>
    </rPh>
    <rPh sb="140" eb="142">
      <t>ジジョウ</t>
    </rPh>
    <rPh sb="143" eb="146">
      <t>ソウゴウテキ</t>
    </rPh>
    <rPh sb="147" eb="149">
      <t>カンアン</t>
    </rPh>
    <rPh sb="153" eb="154">
      <t>ツト</t>
    </rPh>
    <phoneticPr fontId="1"/>
  </si>
  <si>
    <t>【生活費】
・「食材料費及び共用部分に係る光熱水費」のほか、共用部分に係る維持管理に要する費用など、当該施設において通
　常予測される生活需要のうち、入所者個人の専用でないものに係る費用をいうものである。
【居住に要する費用】
・旧通知の「管理費」をいうものであること。
・設定に当たっては、施設の建築年次における施設整備費補助をはじめ、その他の公的補助の状況及び入所者数、その
　他の事情を勘案し、適切に行うよう努めること。
・入所者の所得の低い場合や夫婦で利用する場合等入所者の実態に応じ、一定の範囲内で減額しても差し支えない。</t>
    <rPh sb="215" eb="218">
      <t>ニュウショシャ</t>
    </rPh>
    <rPh sb="219" eb="221">
      <t>ショトク</t>
    </rPh>
    <rPh sb="222" eb="223">
      <t>ヒク</t>
    </rPh>
    <rPh sb="224" eb="226">
      <t>バアイ</t>
    </rPh>
    <rPh sb="227" eb="229">
      <t>フウフ</t>
    </rPh>
    <rPh sb="230" eb="232">
      <t>リヨウ</t>
    </rPh>
    <rPh sb="234" eb="236">
      <t>バアイ</t>
    </rPh>
    <rPh sb="236" eb="237">
      <t>トウ</t>
    </rPh>
    <rPh sb="237" eb="240">
      <t>ニュウショシャ</t>
    </rPh>
    <rPh sb="241" eb="243">
      <t>ジッタイ</t>
    </rPh>
    <rPh sb="244" eb="245">
      <t>オウ</t>
    </rPh>
    <rPh sb="247" eb="249">
      <t>イッテイ</t>
    </rPh>
    <rPh sb="250" eb="253">
      <t>ハンイナイ</t>
    </rPh>
    <rPh sb="254" eb="256">
      <t>ゲンガク</t>
    </rPh>
    <rPh sb="259" eb="260">
      <t>サ</t>
    </rPh>
    <rPh sb="261" eb="262">
      <t>ツカ</t>
    </rPh>
    <phoneticPr fontId="1"/>
  </si>
  <si>
    <t>○解釈通知第5-4
【身体的拘束適正化検討委員会】
・幅広い職種（例えば、施設長、事務長、介護職員、生活相談員）により構成する。構成メンバーの責務及び役割分担
　を明確にし、専任の身体的拘束等の適正化対応策を担当する者を決めておくことが必要である。
・運営委員会など他の委員会と独立して設置・運営することが必要であるが、関係する職種、取り扱う事項等が相互に
　関係が深いと認められる他の会議体を設置している場合、これと一体的に設置・運営することも差し支えない。
・責任者はケア全般の責任者であることが望ましい。
・精神科専門医等の専門医の活用等、第三者や専門家を活用することが望ましい。
・テレビ電話装置等を活用する際は、個人情報保護委員会・厚生労働省「医療・介護関係事業者における個人情報の適
　切な取扱いのためのガイダンス」、厚生労働省「医療情報システムの安全管理に関するガイドライン」等を遵守する
　こと。</t>
    <rPh sb="1" eb="3">
      <t>カイシャク</t>
    </rPh>
    <rPh sb="3" eb="5">
      <t>ツウチ</t>
    </rPh>
    <rPh sb="5" eb="6">
      <t>ダイ</t>
    </rPh>
    <rPh sb="11" eb="14">
      <t>シンタイテキ</t>
    </rPh>
    <rPh sb="14" eb="16">
      <t>コウソク</t>
    </rPh>
    <rPh sb="16" eb="19">
      <t>テキセイカ</t>
    </rPh>
    <rPh sb="19" eb="21">
      <t>ケントウ</t>
    </rPh>
    <rPh sb="21" eb="24">
      <t>イインカイ</t>
    </rPh>
    <rPh sb="27" eb="29">
      <t>ハバヒロ</t>
    </rPh>
    <rPh sb="30" eb="32">
      <t>ショクシュ</t>
    </rPh>
    <rPh sb="33" eb="34">
      <t>タト</t>
    </rPh>
    <rPh sb="37" eb="39">
      <t>シセツ</t>
    </rPh>
    <rPh sb="39" eb="40">
      <t>チョウ</t>
    </rPh>
    <rPh sb="41" eb="44">
      <t>ジムチョウ</t>
    </rPh>
    <rPh sb="45" eb="47">
      <t>カイゴ</t>
    </rPh>
    <rPh sb="47" eb="49">
      <t>ショクイン</t>
    </rPh>
    <rPh sb="50" eb="52">
      <t>セイカツ</t>
    </rPh>
    <rPh sb="52" eb="55">
      <t>ソウダンイン</t>
    </rPh>
    <rPh sb="59" eb="61">
      <t>コウセイ</t>
    </rPh>
    <rPh sb="64" eb="66">
      <t>コウセイ</t>
    </rPh>
    <rPh sb="71" eb="73">
      <t>セキム</t>
    </rPh>
    <rPh sb="73" eb="74">
      <t>オヨ</t>
    </rPh>
    <rPh sb="75" eb="77">
      <t>ヤクワリ</t>
    </rPh>
    <rPh sb="77" eb="79">
      <t>ブンタン</t>
    </rPh>
    <rPh sb="82" eb="84">
      <t>メイカク</t>
    </rPh>
    <rPh sb="87" eb="89">
      <t>センニン</t>
    </rPh>
    <rPh sb="90" eb="93">
      <t>シンタイテキ</t>
    </rPh>
    <rPh sb="93" eb="95">
      <t>コウソク</t>
    </rPh>
    <rPh sb="95" eb="96">
      <t>トウ</t>
    </rPh>
    <rPh sb="97" eb="100">
      <t>テキセイカ</t>
    </rPh>
    <rPh sb="100" eb="102">
      <t>タイオウ</t>
    </rPh>
    <rPh sb="102" eb="103">
      <t>サク</t>
    </rPh>
    <rPh sb="104" eb="106">
      <t>タントウ</t>
    </rPh>
    <rPh sb="108" eb="109">
      <t>モノ</t>
    </rPh>
    <rPh sb="110" eb="111">
      <t>キ</t>
    </rPh>
    <rPh sb="118" eb="120">
      <t>ヒツヨウ</t>
    </rPh>
    <rPh sb="126" eb="128">
      <t>ウンエイ</t>
    </rPh>
    <rPh sb="128" eb="131">
      <t>イインカイ</t>
    </rPh>
    <rPh sb="133" eb="134">
      <t>タ</t>
    </rPh>
    <rPh sb="135" eb="138">
      <t>イインカイ</t>
    </rPh>
    <rPh sb="139" eb="141">
      <t>ドクリツ</t>
    </rPh>
    <rPh sb="143" eb="145">
      <t>セッチ</t>
    </rPh>
    <rPh sb="146" eb="148">
      <t>ウンエイ</t>
    </rPh>
    <rPh sb="153" eb="155">
      <t>ヒツヨウ</t>
    </rPh>
    <rPh sb="160" eb="162">
      <t>カンケイ</t>
    </rPh>
    <rPh sb="164" eb="166">
      <t>ショクシュ</t>
    </rPh>
    <rPh sb="167" eb="168">
      <t>ト</t>
    </rPh>
    <rPh sb="169" eb="170">
      <t>アツカ</t>
    </rPh>
    <rPh sb="171" eb="173">
      <t>ジコウ</t>
    </rPh>
    <rPh sb="173" eb="174">
      <t>トウ</t>
    </rPh>
    <rPh sb="175" eb="177">
      <t>ソウゴ</t>
    </rPh>
    <rPh sb="180" eb="182">
      <t>カンケイ</t>
    </rPh>
    <rPh sb="183" eb="184">
      <t>フカ</t>
    </rPh>
    <rPh sb="186" eb="187">
      <t>ミト</t>
    </rPh>
    <rPh sb="191" eb="192">
      <t>タ</t>
    </rPh>
    <rPh sb="193" eb="196">
      <t>カイギタイ</t>
    </rPh>
    <rPh sb="197" eb="199">
      <t>セッチ</t>
    </rPh>
    <rPh sb="203" eb="205">
      <t>バアイ</t>
    </rPh>
    <rPh sb="209" eb="212">
      <t>イッタイテキ</t>
    </rPh>
    <rPh sb="213" eb="215">
      <t>セッチ</t>
    </rPh>
    <rPh sb="216" eb="218">
      <t>ウンエイ</t>
    </rPh>
    <rPh sb="223" eb="224">
      <t>サ</t>
    </rPh>
    <rPh sb="225" eb="226">
      <t>ツカ</t>
    </rPh>
    <rPh sb="232" eb="235">
      <t>セキニンシャ</t>
    </rPh>
    <rPh sb="238" eb="240">
      <t>ゼンパン</t>
    </rPh>
    <rPh sb="241" eb="244">
      <t>セキニンシャ</t>
    </rPh>
    <rPh sb="250" eb="251">
      <t>ノゾ</t>
    </rPh>
    <rPh sb="257" eb="260">
      <t>セイシンカ</t>
    </rPh>
    <rPh sb="260" eb="262">
      <t>センモン</t>
    </rPh>
    <rPh sb="262" eb="263">
      <t>イ</t>
    </rPh>
    <rPh sb="263" eb="264">
      <t>トウ</t>
    </rPh>
    <rPh sb="265" eb="267">
      <t>センモン</t>
    </rPh>
    <rPh sb="267" eb="268">
      <t>イ</t>
    </rPh>
    <rPh sb="269" eb="271">
      <t>カツヨウ</t>
    </rPh>
    <rPh sb="271" eb="272">
      <t>トウ</t>
    </rPh>
    <rPh sb="273" eb="276">
      <t>ダイサンシャ</t>
    </rPh>
    <rPh sb="277" eb="280">
      <t>センモンカ</t>
    </rPh>
    <rPh sb="281" eb="283">
      <t>カツヨウ</t>
    </rPh>
    <rPh sb="288" eb="289">
      <t>ノゾ</t>
    </rPh>
    <rPh sb="298" eb="300">
      <t>デンワ</t>
    </rPh>
    <rPh sb="300" eb="302">
      <t>ソウチ</t>
    </rPh>
    <rPh sb="302" eb="303">
      <t>トウ</t>
    </rPh>
    <rPh sb="304" eb="306">
      <t>カツヨウ</t>
    </rPh>
    <rPh sb="308" eb="309">
      <t>サイ</t>
    </rPh>
    <rPh sb="311" eb="313">
      <t>コジン</t>
    </rPh>
    <rPh sb="313" eb="315">
      <t>ジョウホウ</t>
    </rPh>
    <rPh sb="315" eb="317">
      <t>ホゴ</t>
    </rPh>
    <rPh sb="317" eb="320">
      <t>イインカイ</t>
    </rPh>
    <rPh sb="321" eb="323">
      <t>コウセイ</t>
    </rPh>
    <rPh sb="323" eb="326">
      <t>ロウドウショウ</t>
    </rPh>
    <rPh sb="327" eb="329">
      <t>イリョウ</t>
    </rPh>
    <rPh sb="330" eb="332">
      <t>カイゴ</t>
    </rPh>
    <rPh sb="332" eb="334">
      <t>カンケイ</t>
    </rPh>
    <rPh sb="334" eb="337">
      <t>ジギョウシャ</t>
    </rPh>
    <rPh sb="341" eb="343">
      <t>コジン</t>
    </rPh>
    <rPh sb="343" eb="345">
      <t>ジョウホウ</t>
    </rPh>
    <rPh sb="351" eb="353">
      <t>トリアツカ</t>
    </rPh>
    <rPh sb="365" eb="367">
      <t>コウセイ</t>
    </rPh>
    <rPh sb="367" eb="370">
      <t>ロウドウショウ</t>
    </rPh>
    <rPh sb="371" eb="373">
      <t>イリョウ</t>
    </rPh>
    <rPh sb="373" eb="375">
      <t>ジョウホウ</t>
    </rPh>
    <rPh sb="380" eb="382">
      <t>アンゼン</t>
    </rPh>
    <rPh sb="382" eb="384">
      <t>カンリ</t>
    </rPh>
    <rPh sb="385" eb="386">
      <t>カン</t>
    </rPh>
    <rPh sb="395" eb="396">
      <t>トウ</t>
    </rPh>
    <rPh sb="397" eb="399">
      <t>ジュンシュ</t>
    </rPh>
    <phoneticPr fontId="1"/>
  </si>
  <si>
    <t>【身体的拘束等の適正化のための従業者に対する研修】
・研修の内容としては、身体的拘束等の適正化の基礎的内容等の適切な知識を普及・啓発するとともに、当該施設の指
　針に基づき、適正化の徹底を行うものとする。
・職員教育を組織的に徹底させていくためには、当該施設が指針に基づいた研修プログラムを作成し、定期的な教育（
　年2回以上）を開催するとともに、新規採用時には必ず身体的拘束等の適正化の研修を実施することが重要である。
・研修の実施内容について記録することが必要である。
・研修の実施は、施設内での研修で差し支えない。</t>
    <rPh sb="1" eb="7">
      <t>シンタイテキコウソクトウ</t>
    </rPh>
    <rPh sb="8" eb="11">
      <t>テキセイカ</t>
    </rPh>
    <rPh sb="15" eb="18">
      <t>ジュウギョウシャ</t>
    </rPh>
    <rPh sb="19" eb="20">
      <t>タイ</t>
    </rPh>
    <rPh sb="22" eb="24">
      <t>ケンシュウ</t>
    </rPh>
    <rPh sb="27" eb="29">
      <t>ケンシュウ</t>
    </rPh>
    <rPh sb="30" eb="32">
      <t>ナイヨウ</t>
    </rPh>
    <rPh sb="37" eb="43">
      <t>シンタイテキコウソクトウ</t>
    </rPh>
    <rPh sb="44" eb="47">
      <t>テキセイカ</t>
    </rPh>
    <rPh sb="48" eb="51">
      <t>キソテキ</t>
    </rPh>
    <rPh sb="51" eb="53">
      <t>ナイヨウ</t>
    </rPh>
    <rPh sb="53" eb="54">
      <t>トウ</t>
    </rPh>
    <rPh sb="55" eb="57">
      <t>テキセツ</t>
    </rPh>
    <rPh sb="58" eb="60">
      <t>チシキ</t>
    </rPh>
    <rPh sb="61" eb="63">
      <t>フキュウ</t>
    </rPh>
    <rPh sb="64" eb="66">
      <t>ケイハツ</t>
    </rPh>
    <rPh sb="73" eb="75">
      <t>トウガイ</t>
    </rPh>
    <rPh sb="75" eb="77">
      <t>シセツ</t>
    </rPh>
    <rPh sb="78" eb="79">
      <t>ユビ</t>
    </rPh>
    <rPh sb="81" eb="82">
      <t>ハリ</t>
    </rPh>
    <rPh sb="83" eb="84">
      <t>モト</t>
    </rPh>
    <rPh sb="87" eb="90">
      <t>テキセイカ</t>
    </rPh>
    <rPh sb="91" eb="93">
      <t>テッテイ</t>
    </rPh>
    <rPh sb="94" eb="95">
      <t>オコナ</t>
    </rPh>
    <rPh sb="104" eb="106">
      <t>ショクイン</t>
    </rPh>
    <rPh sb="106" eb="108">
      <t>キョウイク</t>
    </rPh>
    <rPh sb="109" eb="112">
      <t>ソシキテキ</t>
    </rPh>
    <rPh sb="113" eb="115">
      <t>テッテイ</t>
    </rPh>
    <rPh sb="125" eb="127">
      <t>トウガイ</t>
    </rPh>
    <rPh sb="127" eb="129">
      <t>シセツ</t>
    </rPh>
    <rPh sb="130" eb="132">
      <t>シシン</t>
    </rPh>
    <rPh sb="133" eb="134">
      <t>モト</t>
    </rPh>
    <rPh sb="137" eb="139">
      <t>ケンシュウ</t>
    </rPh>
    <rPh sb="145" eb="147">
      <t>サクセイ</t>
    </rPh>
    <rPh sb="149" eb="152">
      <t>テイキテキ</t>
    </rPh>
    <rPh sb="153" eb="155">
      <t>キョウイク</t>
    </rPh>
    <rPh sb="158" eb="159">
      <t>ネン</t>
    </rPh>
    <rPh sb="160" eb="161">
      <t>カイ</t>
    </rPh>
    <rPh sb="161" eb="163">
      <t>イジョウ</t>
    </rPh>
    <rPh sb="165" eb="167">
      <t>カイサイ</t>
    </rPh>
    <rPh sb="174" eb="176">
      <t>シンキ</t>
    </rPh>
    <rPh sb="176" eb="178">
      <t>サイヨウ</t>
    </rPh>
    <rPh sb="178" eb="179">
      <t>ジ</t>
    </rPh>
    <rPh sb="181" eb="182">
      <t>カナラ</t>
    </rPh>
    <rPh sb="183" eb="186">
      <t>シンタイテキ</t>
    </rPh>
    <rPh sb="186" eb="188">
      <t>コウソク</t>
    </rPh>
    <rPh sb="188" eb="189">
      <t>トウ</t>
    </rPh>
    <rPh sb="190" eb="193">
      <t>テキセイカ</t>
    </rPh>
    <rPh sb="194" eb="196">
      <t>ケンシュウ</t>
    </rPh>
    <rPh sb="197" eb="199">
      <t>ジッシ</t>
    </rPh>
    <rPh sb="204" eb="206">
      <t>ジュウヨウ</t>
    </rPh>
    <rPh sb="212" eb="214">
      <t>ケンシュウ</t>
    </rPh>
    <rPh sb="215" eb="217">
      <t>ジッシ</t>
    </rPh>
    <rPh sb="217" eb="219">
      <t>ナイヨウ</t>
    </rPh>
    <rPh sb="223" eb="225">
      <t>キロク</t>
    </rPh>
    <rPh sb="230" eb="232">
      <t>ヒツヨウ</t>
    </rPh>
    <rPh sb="238" eb="240">
      <t>ケンシュウ</t>
    </rPh>
    <rPh sb="241" eb="243">
      <t>ジッシ</t>
    </rPh>
    <rPh sb="245" eb="247">
      <t>シセツ</t>
    </rPh>
    <rPh sb="247" eb="248">
      <t>ナイ</t>
    </rPh>
    <rPh sb="250" eb="252">
      <t>ケンシュウ</t>
    </rPh>
    <rPh sb="253" eb="254">
      <t>サ</t>
    </rPh>
    <rPh sb="255" eb="256">
      <t>ツカ</t>
    </rPh>
    <phoneticPr fontId="1"/>
  </si>
  <si>
    <t>○解釈通知第5-5
　(1) 食事の提供について
　　・入所者の心身の状況、嗜好に応じて、適切な栄養量、内容及び時間に提供すること。
　　・一時的な疾病等により、食堂において食事をすることが困難な入所者に対しては、居室において食事を提供する
　　　など、必要な配慮を行わなければならないこと。
　(2) 調理について
　　・あらかじめ作成された献立に従って行うとともに、その実施状況を明らかにしておくこと。
　　・病弱者に対する献立については、必要に応じ、協力医療機関等の医師の指導を受けること。
　(3) 食事の提供に関する業務の委託について
　　・食事の提供に関する業務は施設自らが行うことが望ましいが、栄養管理、調理管理、材料管理、施設等管理、業
　　　務管理、衛生管理、労働衛生管理について施設自らが行う等、当該施設の施設長が業務遂行上必要な注意を果た
　　　し得るような体制と契約内容により、食事サービスの質が確保される場合には、当該施設の最終的責任の下で第
　　　三者に委託することができる。
　(4) 居室関係部門と食事関係部門との連携について
　　・入所者の嚥下や咀嚼の状況、食欲など心身の状態等を当該入所者の食事に的確に反映させるために、居室関係部
　　　門と食事関係部門との連絡が十分とられていることが必要であること。
　(5) 栄養食事相談
　　・入所者に対しては適切な栄養食事相談を行う必要があること。</t>
    <rPh sb="1" eb="6">
      <t>カイシャクツウチダイ</t>
    </rPh>
    <rPh sb="15" eb="17">
      <t>ショクジ</t>
    </rPh>
    <rPh sb="18" eb="20">
      <t>テイキョウ</t>
    </rPh>
    <rPh sb="28" eb="31">
      <t>ニュウショシャ</t>
    </rPh>
    <rPh sb="32" eb="34">
      <t>シンシン</t>
    </rPh>
    <rPh sb="35" eb="37">
      <t>ジョウキョウ</t>
    </rPh>
    <rPh sb="38" eb="40">
      <t>シコウ</t>
    </rPh>
    <rPh sb="41" eb="42">
      <t>オウ</t>
    </rPh>
    <rPh sb="45" eb="47">
      <t>テキセツ</t>
    </rPh>
    <rPh sb="48" eb="50">
      <t>エイヨウ</t>
    </rPh>
    <rPh sb="50" eb="51">
      <t>リョウ</t>
    </rPh>
    <rPh sb="52" eb="54">
      <t>ナイヨウ</t>
    </rPh>
    <rPh sb="54" eb="55">
      <t>オヨ</t>
    </rPh>
    <rPh sb="56" eb="58">
      <t>ジカン</t>
    </rPh>
    <rPh sb="59" eb="61">
      <t>テイキョウ</t>
    </rPh>
    <rPh sb="152" eb="154">
      <t>チョウリ</t>
    </rPh>
    <rPh sb="167" eb="169">
      <t>サクセイ</t>
    </rPh>
    <rPh sb="172" eb="174">
      <t>コンダテ</t>
    </rPh>
    <rPh sb="175" eb="176">
      <t>シタガ</t>
    </rPh>
    <rPh sb="178" eb="179">
      <t>オコナ</t>
    </rPh>
    <rPh sb="187" eb="189">
      <t>ジッシ</t>
    </rPh>
    <rPh sb="189" eb="191">
      <t>ジョウキョウ</t>
    </rPh>
    <rPh sb="192" eb="193">
      <t>アキ</t>
    </rPh>
    <rPh sb="207" eb="209">
      <t>ビョウジャク</t>
    </rPh>
    <rPh sb="209" eb="210">
      <t>シャ</t>
    </rPh>
    <rPh sb="211" eb="212">
      <t>タイ</t>
    </rPh>
    <rPh sb="214" eb="216">
      <t>コンダテ</t>
    </rPh>
    <rPh sb="222" eb="224">
      <t>ヒツヨウ</t>
    </rPh>
    <rPh sb="225" eb="226">
      <t>オウ</t>
    </rPh>
    <rPh sb="228" eb="230">
      <t>キョウリョク</t>
    </rPh>
    <rPh sb="230" eb="232">
      <t>イリョウ</t>
    </rPh>
    <rPh sb="232" eb="234">
      <t>キカン</t>
    </rPh>
    <rPh sb="234" eb="235">
      <t>トウ</t>
    </rPh>
    <rPh sb="236" eb="238">
      <t>イシ</t>
    </rPh>
    <rPh sb="239" eb="241">
      <t>シドウ</t>
    </rPh>
    <rPh sb="242" eb="243">
      <t>ウ</t>
    </rPh>
    <rPh sb="254" eb="256">
      <t>ショクジ</t>
    </rPh>
    <rPh sb="257" eb="259">
      <t>テイキョウ</t>
    </rPh>
    <rPh sb="260" eb="261">
      <t>カン</t>
    </rPh>
    <rPh sb="263" eb="265">
      <t>ギョウム</t>
    </rPh>
    <rPh sb="266" eb="268">
      <t>イタク</t>
    </rPh>
    <rPh sb="276" eb="278">
      <t>ショクジ</t>
    </rPh>
    <rPh sb="279" eb="281">
      <t>テイキョウ</t>
    </rPh>
    <rPh sb="282" eb="283">
      <t>カン</t>
    </rPh>
    <rPh sb="285" eb="287">
      <t>ギョウム</t>
    </rPh>
    <rPh sb="288" eb="290">
      <t>シセツ</t>
    </rPh>
    <rPh sb="290" eb="291">
      <t>ミズカ</t>
    </rPh>
    <rPh sb="293" eb="294">
      <t>オコナ</t>
    </rPh>
    <rPh sb="298" eb="299">
      <t>ノゾ</t>
    </rPh>
    <rPh sb="304" eb="306">
      <t>エイヨウ</t>
    </rPh>
    <rPh sb="306" eb="308">
      <t>カンリ</t>
    </rPh>
    <rPh sb="309" eb="311">
      <t>チョウリ</t>
    </rPh>
    <rPh sb="311" eb="313">
      <t>カンリ</t>
    </rPh>
    <rPh sb="314" eb="316">
      <t>ザイリョウ</t>
    </rPh>
    <rPh sb="316" eb="318">
      <t>カンリ</t>
    </rPh>
    <rPh sb="319" eb="321">
      <t>シセツ</t>
    </rPh>
    <rPh sb="321" eb="322">
      <t>トウ</t>
    </rPh>
    <rPh sb="322" eb="324">
      <t>カンリ</t>
    </rPh>
    <rPh sb="331" eb="333">
      <t>カンリ</t>
    </rPh>
    <rPh sb="334" eb="336">
      <t>エイセイ</t>
    </rPh>
    <rPh sb="336" eb="338">
      <t>カンリ</t>
    </rPh>
    <rPh sb="339" eb="341">
      <t>ロウドウ</t>
    </rPh>
    <rPh sb="341" eb="343">
      <t>エイセイ</t>
    </rPh>
    <rPh sb="343" eb="345">
      <t>カンリ</t>
    </rPh>
    <rPh sb="349" eb="351">
      <t>シセツ</t>
    </rPh>
    <rPh sb="351" eb="352">
      <t>ミズカ</t>
    </rPh>
    <rPh sb="354" eb="355">
      <t>オコナ</t>
    </rPh>
    <rPh sb="356" eb="357">
      <t>トウ</t>
    </rPh>
    <rPh sb="358" eb="360">
      <t>トウガイ</t>
    </rPh>
    <rPh sb="360" eb="362">
      <t>シセツ</t>
    </rPh>
    <rPh sb="363" eb="365">
      <t>シセツ</t>
    </rPh>
    <rPh sb="365" eb="366">
      <t>チョウ</t>
    </rPh>
    <rPh sb="367" eb="369">
      <t>ギョウム</t>
    </rPh>
    <rPh sb="369" eb="371">
      <t>スイコウ</t>
    </rPh>
    <rPh sb="371" eb="372">
      <t>ジョウ</t>
    </rPh>
    <rPh sb="372" eb="374">
      <t>ヒツヨウ</t>
    </rPh>
    <rPh sb="375" eb="377">
      <t>チュウイ</t>
    </rPh>
    <rPh sb="378" eb="379">
      <t>ハ</t>
    </rPh>
    <rPh sb="385" eb="386">
      <t>ウ</t>
    </rPh>
    <rPh sb="390" eb="392">
      <t>タイセイ</t>
    </rPh>
    <rPh sb="393" eb="395">
      <t>ケイヤク</t>
    </rPh>
    <rPh sb="395" eb="397">
      <t>ナイヨウ</t>
    </rPh>
    <rPh sb="401" eb="403">
      <t>ショクジ</t>
    </rPh>
    <rPh sb="408" eb="409">
      <t>シツ</t>
    </rPh>
    <rPh sb="410" eb="412">
      <t>カクホ</t>
    </rPh>
    <rPh sb="415" eb="417">
      <t>バアイ</t>
    </rPh>
    <rPh sb="420" eb="422">
      <t>トウガイ</t>
    </rPh>
    <rPh sb="422" eb="424">
      <t>シセツ</t>
    </rPh>
    <rPh sb="425" eb="428">
      <t>サイシュウテキ</t>
    </rPh>
    <rPh sb="428" eb="430">
      <t>セキニン</t>
    </rPh>
    <rPh sb="431" eb="432">
      <t>モト</t>
    </rPh>
    <rPh sb="441" eb="443">
      <t>イタク</t>
    </rPh>
    <rPh sb="458" eb="460">
      <t>キョシツ</t>
    </rPh>
    <rPh sb="460" eb="462">
      <t>カンケイ</t>
    </rPh>
    <rPh sb="462" eb="464">
      <t>ブモン</t>
    </rPh>
    <rPh sb="465" eb="467">
      <t>ショクジ</t>
    </rPh>
    <rPh sb="467" eb="469">
      <t>カンケイ</t>
    </rPh>
    <rPh sb="469" eb="471">
      <t>ブモン</t>
    </rPh>
    <rPh sb="473" eb="475">
      <t>レンケイ</t>
    </rPh>
    <rPh sb="483" eb="486">
      <t>ニュウショシャ</t>
    </rPh>
    <rPh sb="487" eb="489">
      <t>エンゲ</t>
    </rPh>
    <rPh sb="490" eb="492">
      <t>ソシャク</t>
    </rPh>
    <rPh sb="493" eb="495">
      <t>ジョウキョウ</t>
    </rPh>
    <rPh sb="496" eb="498">
      <t>ショクヨク</t>
    </rPh>
    <rPh sb="500" eb="502">
      <t>シンシン</t>
    </rPh>
    <rPh sb="503" eb="505">
      <t>ジョウタイ</t>
    </rPh>
    <rPh sb="505" eb="506">
      <t>トウ</t>
    </rPh>
    <rPh sb="507" eb="509">
      <t>トウガイ</t>
    </rPh>
    <rPh sb="509" eb="512">
      <t>ニュウショシャ</t>
    </rPh>
    <rPh sb="513" eb="515">
      <t>ショクジ</t>
    </rPh>
    <rPh sb="516" eb="518">
      <t>テキカク</t>
    </rPh>
    <rPh sb="519" eb="521">
      <t>ハンエイ</t>
    </rPh>
    <rPh sb="528" eb="530">
      <t>キョシツ</t>
    </rPh>
    <rPh sb="530" eb="532">
      <t>カンケイ</t>
    </rPh>
    <rPh sb="539" eb="541">
      <t>ショクジ</t>
    </rPh>
    <rPh sb="541" eb="543">
      <t>カンケイ</t>
    </rPh>
    <rPh sb="543" eb="545">
      <t>ブモン</t>
    </rPh>
    <rPh sb="547" eb="549">
      <t>レンラク</t>
    </rPh>
    <rPh sb="550" eb="552">
      <t>ジュウブン</t>
    </rPh>
    <rPh sb="561" eb="563">
      <t>ヒツヨウ</t>
    </rPh>
    <rPh sb="575" eb="577">
      <t>エイヨウ</t>
    </rPh>
    <rPh sb="577" eb="579">
      <t>ショクジ</t>
    </rPh>
    <rPh sb="579" eb="581">
      <t>ソウダン</t>
    </rPh>
    <rPh sb="585" eb="588">
      <t>ニュウショシャ</t>
    </rPh>
    <rPh sb="589" eb="590">
      <t>タイ</t>
    </rPh>
    <rPh sb="593" eb="595">
      <t>テキセツ</t>
    </rPh>
    <rPh sb="596" eb="598">
      <t>エイヨウ</t>
    </rPh>
    <rPh sb="598" eb="600">
      <t>ショクジ</t>
    </rPh>
    <rPh sb="600" eb="602">
      <t>ソウダン</t>
    </rPh>
    <rPh sb="603" eb="604">
      <t>オコナ</t>
    </rPh>
    <rPh sb="605" eb="607">
      <t>ヒツヨウ</t>
    </rPh>
    <phoneticPr fontId="1"/>
  </si>
  <si>
    <t>○解釈通知第5-6-(1)（第1項関係）
・常時必要な指導を行い得る体制をとることにより積極的に入所者の生活の向上を図ること。
・相談に当たっては、運営規程に従うべきことは勿論であるが、さらに入所者の年齢、性別、性格、生活歴及び心身の
　状況等を考慮して個別的なサービスの提供に関する方針を定めることが適当であること。
○解釈通知第5-6-(2)（第2項関係）
・施設は、要介護認定に係る申請や証明書の交付等、入所者が必要とする手続等について、入所者又はその家族が行う
　ことが困難な場合は、原則としてその都度、必要な支援を行わなければならないこととしたものである。
・特に金銭に係るものについては書面等をもって事前に同意を得るとともに、代行した後はその都度本人に確認を得る
　ものとする。併せて、これらについてはその経過を記録しておくこと。
○解釈通知第5-6-(3)（第3項関係）
・施設は、入所者の家族に対し、当該施設の会報の送付、当該施設が実施する行事への参加の呼びかけ等によって入所
　者とその家族が交流できる機会等を確保するよう努めなければならないとするものである。
・入所者と家族の面会の場所や時間等についても、入所者やその家族の利便に配慮したものとする。
○解釈通知第5-6-(4)（第4項関係）
・施設は、入所者の生活を当該施設内で完結させてしまうことのないよう、入所者の希望や心身の状況を踏まえなが
　ら、買物や外食、図書館や公民館等の公共施設の利用、地域の行事への参加、友人宅の訪問、散歩など、入所者に多
　様な外出の機会を確保するよう努めなければならないこととするものである。</t>
    <rPh sb="1" eb="6">
      <t>カイシャクツウチダイ</t>
    </rPh>
    <rPh sb="14" eb="15">
      <t>ダイ</t>
    </rPh>
    <rPh sb="16" eb="17">
      <t>コウ</t>
    </rPh>
    <rPh sb="17" eb="19">
      <t>カンケイ</t>
    </rPh>
    <rPh sb="22" eb="24">
      <t>ジョウジ</t>
    </rPh>
    <rPh sb="24" eb="26">
      <t>ヒツヨウ</t>
    </rPh>
    <rPh sb="27" eb="29">
      <t>シドウ</t>
    </rPh>
    <rPh sb="30" eb="31">
      <t>オコナ</t>
    </rPh>
    <rPh sb="32" eb="33">
      <t>ウ</t>
    </rPh>
    <rPh sb="34" eb="36">
      <t>タイセイ</t>
    </rPh>
    <rPh sb="44" eb="47">
      <t>セッキョクテキ</t>
    </rPh>
    <rPh sb="48" eb="51">
      <t>ニュウショシャ</t>
    </rPh>
    <rPh sb="52" eb="54">
      <t>セイカツ</t>
    </rPh>
    <rPh sb="55" eb="57">
      <t>コウジョウ</t>
    </rPh>
    <rPh sb="58" eb="59">
      <t>ハカ</t>
    </rPh>
    <rPh sb="65" eb="67">
      <t>ソウダン</t>
    </rPh>
    <rPh sb="68" eb="69">
      <t>ア</t>
    </rPh>
    <rPh sb="74" eb="76">
      <t>ウンエイ</t>
    </rPh>
    <rPh sb="76" eb="78">
      <t>キテイ</t>
    </rPh>
    <rPh sb="79" eb="80">
      <t>シタガ</t>
    </rPh>
    <rPh sb="86" eb="88">
      <t>モチロン</t>
    </rPh>
    <rPh sb="96" eb="99">
      <t>ニュウショシャ</t>
    </rPh>
    <rPh sb="100" eb="102">
      <t>ネンレイ</t>
    </rPh>
    <rPh sb="103" eb="105">
      <t>セイベツ</t>
    </rPh>
    <rPh sb="106" eb="108">
      <t>セイカク</t>
    </rPh>
    <rPh sb="109" eb="111">
      <t>セイカツ</t>
    </rPh>
    <rPh sb="111" eb="112">
      <t>レキ</t>
    </rPh>
    <rPh sb="112" eb="113">
      <t>オヨ</t>
    </rPh>
    <rPh sb="114" eb="116">
      <t>シンシン</t>
    </rPh>
    <rPh sb="119" eb="121">
      <t>ジョウキョウ</t>
    </rPh>
    <rPh sb="121" eb="122">
      <t>トウ</t>
    </rPh>
    <rPh sb="123" eb="125">
      <t>コウリョ</t>
    </rPh>
    <rPh sb="127" eb="130">
      <t>コベツテキ</t>
    </rPh>
    <rPh sb="136" eb="138">
      <t>テイキョウ</t>
    </rPh>
    <rPh sb="139" eb="140">
      <t>カン</t>
    </rPh>
    <rPh sb="142" eb="144">
      <t>ホウシン</t>
    </rPh>
    <rPh sb="145" eb="146">
      <t>サダ</t>
    </rPh>
    <rPh sb="151" eb="153">
      <t>テキトウ</t>
    </rPh>
    <rPh sb="161" eb="166">
      <t>カイシャクツウチダイ</t>
    </rPh>
    <rPh sb="174" eb="175">
      <t>ダイ</t>
    </rPh>
    <rPh sb="176" eb="177">
      <t>コウ</t>
    </rPh>
    <rPh sb="177" eb="179">
      <t>カンケイ</t>
    </rPh>
    <rPh sb="182" eb="184">
      <t>シセツ</t>
    </rPh>
    <rPh sb="186" eb="187">
      <t>ヨウ</t>
    </rPh>
    <rPh sb="187" eb="189">
      <t>カイゴ</t>
    </rPh>
    <rPh sb="189" eb="191">
      <t>ニンテイ</t>
    </rPh>
    <rPh sb="192" eb="193">
      <t>カカ</t>
    </rPh>
    <rPh sb="194" eb="196">
      <t>シンセイ</t>
    </rPh>
    <rPh sb="197" eb="200">
      <t>ショウメイショ</t>
    </rPh>
    <rPh sb="201" eb="203">
      <t>コウフ</t>
    </rPh>
    <rPh sb="203" eb="204">
      <t>トウ</t>
    </rPh>
    <rPh sb="205" eb="208">
      <t>ニュウショシャ</t>
    </rPh>
    <rPh sb="209" eb="211">
      <t>ヒツヨウ</t>
    </rPh>
    <rPh sb="214" eb="216">
      <t>テツヅキ</t>
    </rPh>
    <rPh sb="216" eb="217">
      <t>トウ</t>
    </rPh>
    <rPh sb="222" eb="225">
      <t>ニュウショシャ</t>
    </rPh>
    <rPh sb="225" eb="226">
      <t>マタ</t>
    </rPh>
    <rPh sb="229" eb="231">
      <t>カゾク</t>
    </rPh>
    <rPh sb="232" eb="233">
      <t>オコナ</t>
    </rPh>
    <rPh sb="239" eb="241">
      <t>コンナン</t>
    </rPh>
    <rPh sb="242" eb="244">
      <t>バアイ</t>
    </rPh>
    <rPh sb="246" eb="248">
      <t>ゲンソク</t>
    </rPh>
    <rPh sb="253" eb="255">
      <t>ツド</t>
    </rPh>
    <rPh sb="256" eb="258">
      <t>ヒツヨウ</t>
    </rPh>
    <rPh sb="259" eb="261">
      <t>シエン</t>
    </rPh>
    <rPh sb="262" eb="263">
      <t>オコナ</t>
    </rPh>
    <rPh sb="285" eb="286">
      <t>トク</t>
    </rPh>
    <rPh sb="287" eb="289">
      <t>キンセン</t>
    </rPh>
    <rPh sb="290" eb="291">
      <t>カカ</t>
    </rPh>
    <rPh sb="299" eb="301">
      <t>ショメン</t>
    </rPh>
    <rPh sb="301" eb="302">
      <t>トウ</t>
    </rPh>
    <rPh sb="306" eb="308">
      <t>ジゼン</t>
    </rPh>
    <rPh sb="309" eb="311">
      <t>ドウイ</t>
    </rPh>
    <rPh sb="312" eb="313">
      <t>ウ</t>
    </rPh>
    <rPh sb="319" eb="321">
      <t>ダイコウ</t>
    </rPh>
    <rPh sb="323" eb="324">
      <t>ノチ</t>
    </rPh>
    <rPh sb="327" eb="329">
      <t>ツド</t>
    </rPh>
    <rPh sb="329" eb="331">
      <t>ホンニン</t>
    </rPh>
    <rPh sb="332" eb="334">
      <t>カクニン</t>
    </rPh>
    <rPh sb="335" eb="336">
      <t>エ</t>
    </rPh>
    <rPh sb="345" eb="346">
      <t>アワ</t>
    </rPh>
    <rPh sb="359" eb="361">
      <t>ケイカ</t>
    </rPh>
    <rPh sb="362" eb="364">
      <t>キロク</t>
    </rPh>
    <rPh sb="373" eb="378">
      <t>カイシャクツウチダイ</t>
    </rPh>
    <rPh sb="386" eb="387">
      <t>ダイ</t>
    </rPh>
    <rPh sb="388" eb="389">
      <t>コウ</t>
    </rPh>
    <rPh sb="389" eb="391">
      <t>カンケイ</t>
    </rPh>
    <rPh sb="394" eb="396">
      <t>シセツ</t>
    </rPh>
    <rPh sb="398" eb="401">
      <t>ニュウショシャ</t>
    </rPh>
    <rPh sb="402" eb="404">
      <t>カゾク</t>
    </rPh>
    <rPh sb="405" eb="406">
      <t>タイ</t>
    </rPh>
    <rPh sb="408" eb="410">
      <t>トウガイ</t>
    </rPh>
    <rPh sb="410" eb="412">
      <t>シセツ</t>
    </rPh>
    <rPh sb="413" eb="415">
      <t>カイホウ</t>
    </rPh>
    <rPh sb="416" eb="418">
      <t>ソウフ</t>
    </rPh>
    <rPh sb="419" eb="421">
      <t>トウガイ</t>
    </rPh>
    <rPh sb="421" eb="423">
      <t>シセツ</t>
    </rPh>
    <rPh sb="424" eb="426">
      <t>ジッシ</t>
    </rPh>
    <rPh sb="428" eb="430">
      <t>ギョウジ</t>
    </rPh>
    <rPh sb="432" eb="434">
      <t>サンカ</t>
    </rPh>
    <rPh sb="435" eb="436">
      <t>ヨ</t>
    </rPh>
    <rPh sb="439" eb="440">
      <t>トウ</t>
    </rPh>
    <rPh sb="452" eb="454">
      <t>カゾク</t>
    </rPh>
    <rPh sb="455" eb="457">
      <t>コウリュウ</t>
    </rPh>
    <rPh sb="460" eb="462">
      <t>キカイ</t>
    </rPh>
    <rPh sb="462" eb="463">
      <t>トウ</t>
    </rPh>
    <rPh sb="464" eb="466">
      <t>カクホ</t>
    </rPh>
    <rPh sb="470" eb="471">
      <t>ツト</t>
    </rPh>
    <rPh sb="491" eb="494">
      <t>ニュウショシャ</t>
    </rPh>
    <rPh sb="495" eb="497">
      <t>カゾク</t>
    </rPh>
    <rPh sb="498" eb="500">
      <t>メンカイ</t>
    </rPh>
    <rPh sb="501" eb="503">
      <t>バショ</t>
    </rPh>
    <rPh sb="504" eb="506">
      <t>ジカン</t>
    </rPh>
    <rPh sb="506" eb="507">
      <t>トウ</t>
    </rPh>
    <rPh sb="513" eb="516">
      <t>ニュウショシャ</t>
    </rPh>
    <rPh sb="519" eb="521">
      <t>カゾク</t>
    </rPh>
    <rPh sb="522" eb="524">
      <t>リベン</t>
    </rPh>
    <rPh sb="525" eb="527">
      <t>ハイリョ</t>
    </rPh>
    <rPh sb="537" eb="542">
      <t>カイシャクツウチダイ</t>
    </rPh>
    <rPh sb="550" eb="551">
      <t>ダイ</t>
    </rPh>
    <rPh sb="552" eb="553">
      <t>コウ</t>
    </rPh>
    <rPh sb="553" eb="555">
      <t>カンケイ</t>
    </rPh>
    <rPh sb="558" eb="560">
      <t>シセツ</t>
    </rPh>
    <rPh sb="562" eb="565">
      <t>ニュウショシャ</t>
    </rPh>
    <rPh sb="566" eb="568">
      <t>セイカツ</t>
    </rPh>
    <rPh sb="569" eb="571">
      <t>トウガイ</t>
    </rPh>
    <rPh sb="571" eb="573">
      <t>シセツ</t>
    </rPh>
    <rPh sb="573" eb="574">
      <t>ナイ</t>
    </rPh>
    <rPh sb="575" eb="577">
      <t>カンケツ</t>
    </rPh>
    <rPh sb="591" eb="594">
      <t>ニュウショシャ</t>
    </rPh>
    <rPh sb="595" eb="597">
      <t>キボウ</t>
    </rPh>
    <rPh sb="598" eb="600">
      <t>シンシン</t>
    </rPh>
    <rPh sb="601" eb="603">
      <t>ジョウキョウ</t>
    </rPh>
    <rPh sb="604" eb="605">
      <t>フ</t>
    </rPh>
    <rPh sb="613" eb="615">
      <t>カイモノ</t>
    </rPh>
    <rPh sb="616" eb="618">
      <t>ガイショク</t>
    </rPh>
    <rPh sb="619" eb="622">
      <t>トショカン</t>
    </rPh>
    <rPh sb="623" eb="626">
      <t>コウミンカン</t>
    </rPh>
    <rPh sb="626" eb="627">
      <t>トウ</t>
    </rPh>
    <rPh sb="628" eb="630">
      <t>コウキョウ</t>
    </rPh>
    <rPh sb="630" eb="632">
      <t>シセツ</t>
    </rPh>
    <rPh sb="633" eb="635">
      <t>リヨウ</t>
    </rPh>
    <rPh sb="636" eb="638">
      <t>チイキ</t>
    </rPh>
    <rPh sb="639" eb="641">
      <t>ギョウジ</t>
    </rPh>
    <rPh sb="643" eb="645">
      <t>サンカ</t>
    </rPh>
    <rPh sb="646" eb="649">
      <t>ユウジンタク</t>
    </rPh>
    <rPh sb="650" eb="652">
      <t>ホウモン</t>
    </rPh>
    <rPh sb="653" eb="655">
      <t>サンポ</t>
    </rPh>
    <rPh sb="658" eb="661">
      <t>ニュウショシャ</t>
    </rPh>
    <rPh sb="667" eb="669">
      <t>ガイシュツ</t>
    </rPh>
    <rPh sb="670" eb="672">
      <t>キカイ</t>
    </rPh>
    <rPh sb="673" eb="675">
      <t>カクホ</t>
    </rPh>
    <rPh sb="679" eb="680">
      <t>ツト</t>
    </rPh>
    <phoneticPr fontId="1"/>
  </si>
  <si>
    <t>【訓練関係】
・訓練（シミュレーション）においては、感染症や災害が発生した場合において迅速に行動できるよう、業務継続計画
　に基づき、施設内の役割分担の確認、感染症や災害が発生した場合に実践するケアの演習等を定期的（年2回以上）
　に実施するものとする。
・感染症の業務継続計画に係る訓練については、感染症の予防及びまん延の防止のための訓練と一体的に実施すること
　も差し支えない。
・災害の業務継続計画に係る訓練については、非常災害対策に係る訓練と一体的に実施することも差し支えない。
・訓練の実施は、机上を含めその実施手法は問わないものの、机上及び実地で実施するものを適切に組み合わせながら
　実施することが適切である。</t>
    <rPh sb="1" eb="3">
      <t>クンレン</t>
    </rPh>
    <rPh sb="3" eb="5">
      <t>カンケイ</t>
    </rPh>
    <rPh sb="150" eb="153">
      <t>カンセンショウ</t>
    </rPh>
    <rPh sb="154" eb="156">
      <t>ヨボウ</t>
    </rPh>
    <rPh sb="156" eb="157">
      <t>オヨ</t>
    </rPh>
    <rPh sb="160" eb="161">
      <t>エン</t>
    </rPh>
    <rPh sb="162" eb="164">
      <t>ボウシ</t>
    </rPh>
    <rPh sb="168" eb="170">
      <t>クンレン</t>
    </rPh>
    <rPh sb="171" eb="174">
      <t>イッタイテキ</t>
    </rPh>
    <rPh sb="175" eb="177">
      <t>ジッシ</t>
    </rPh>
    <rPh sb="184" eb="185">
      <t>サ</t>
    </rPh>
    <rPh sb="186" eb="187">
      <t>ツカ</t>
    </rPh>
    <rPh sb="193" eb="195">
      <t>サイガイ</t>
    </rPh>
    <rPh sb="196" eb="202">
      <t>ギョウムケイゾクケイカク</t>
    </rPh>
    <rPh sb="203" eb="204">
      <t>カカ</t>
    </rPh>
    <rPh sb="205" eb="207">
      <t>クンレン</t>
    </rPh>
    <rPh sb="213" eb="219">
      <t>ヒジョウサイガイタイサク</t>
    </rPh>
    <rPh sb="220" eb="221">
      <t>カカ</t>
    </rPh>
    <rPh sb="222" eb="224">
      <t>クンレン</t>
    </rPh>
    <rPh sb="225" eb="228">
      <t>イッタイテキ</t>
    </rPh>
    <rPh sb="229" eb="231">
      <t>ジッシ</t>
    </rPh>
    <rPh sb="236" eb="237">
      <t>サ</t>
    </rPh>
    <rPh sb="238" eb="239">
      <t>ツカ</t>
    </rPh>
    <rPh sb="245" eb="247">
      <t>クンレン</t>
    </rPh>
    <rPh sb="248" eb="250">
      <t>ジッシ</t>
    </rPh>
    <rPh sb="252" eb="254">
      <t>キジョウ</t>
    </rPh>
    <rPh sb="255" eb="256">
      <t>フク</t>
    </rPh>
    <rPh sb="259" eb="261">
      <t>ジッシ</t>
    </rPh>
    <rPh sb="261" eb="263">
      <t>シュホウ</t>
    </rPh>
    <rPh sb="264" eb="265">
      <t>ト</t>
    </rPh>
    <rPh sb="272" eb="274">
      <t>キジョウ</t>
    </rPh>
    <rPh sb="274" eb="275">
      <t>オヨ</t>
    </rPh>
    <rPh sb="276" eb="278">
      <t>ジッチ</t>
    </rPh>
    <rPh sb="279" eb="281">
      <t>ジッシ</t>
    </rPh>
    <rPh sb="286" eb="288">
      <t>テキセツ</t>
    </rPh>
    <rPh sb="289" eb="290">
      <t>ク</t>
    </rPh>
    <rPh sb="291" eb="292">
      <t>ア</t>
    </rPh>
    <rPh sb="299" eb="301">
      <t>ジッシ</t>
    </rPh>
    <rPh sb="306" eb="308">
      <t>テキセツ</t>
    </rPh>
    <phoneticPr fontId="1"/>
  </si>
  <si>
    <t>○解釈通知第5-12-(2)（第2項関係）
【感染対策委員会】
・幅広い職種（例えば、施設長、事務長、介護職員、栄養士、生活相談員、施設外の感染管理等の専門家など）により
　構成する。構成メンバーの責務及び役割分担を明確にし、専任の感染対策担当者を決めておくことが必要である。
・施設外の感染管理等の専門家を委員として積極的に活用することが望ましい。
・入所者の状況など施設の状況に応じ、おおむね3月に1回以上定期的に開催するとともに、感染症が流行する時期等を
　勘案して必要に応じ随時開催する必要がある。
・運営委員会など他の委員会と独立して設置・運営することが必要であるが、関係する職種、取り扱う事項等が相互に
　関係が深いと認められる他の会議体を設置している場合、これと一体的に設置・運営することも差し支えない。
・テレビ電話装置等を活用する際は、個人情報保護委員会・厚生労働省「医療・介護関係事業者における個人情報の適
　切な取扱いのためのガイダンス」、厚生労働省「医療情報システムの安全管理に関するガイドライン」等を遵守する
　こと。</t>
    <rPh sb="1" eb="3">
      <t>カイシャク</t>
    </rPh>
    <rPh sb="3" eb="5">
      <t>ツウチ</t>
    </rPh>
    <rPh sb="5" eb="6">
      <t>ダイ</t>
    </rPh>
    <rPh sb="15" eb="16">
      <t>ダイ</t>
    </rPh>
    <rPh sb="17" eb="18">
      <t>コウ</t>
    </rPh>
    <rPh sb="18" eb="20">
      <t>カンケイ</t>
    </rPh>
    <rPh sb="23" eb="25">
      <t>カンセン</t>
    </rPh>
    <rPh sb="25" eb="27">
      <t>タイサク</t>
    </rPh>
    <rPh sb="27" eb="30">
      <t>イインカイ</t>
    </rPh>
    <rPh sb="56" eb="59">
      <t>エイヨウシ</t>
    </rPh>
    <rPh sb="66" eb="69">
      <t>シセツガイ</t>
    </rPh>
    <rPh sb="70" eb="72">
      <t>カンセン</t>
    </rPh>
    <rPh sb="72" eb="74">
      <t>カンリ</t>
    </rPh>
    <rPh sb="74" eb="75">
      <t>トウ</t>
    </rPh>
    <rPh sb="76" eb="79">
      <t>センモンカ</t>
    </rPh>
    <rPh sb="116" eb="118">
      <t>カンセン</t>
    </rPh>
    <rPh sb="118" eb="120">
      <t>タイサク</t>
    </rPh>
    <rPh sb="120" eb="123">
      <t>タントウシャ</t>
    </rPh>
    <rPh sb="177" eb="180">
      <t>ニュウショシャ</t>
    </rPh>
    <rPh sb="181" eb="183">
      <t>ジョウキョウ</t>
    </rPh>
    <rPh sb="185" eb="187">
      <t>シセツ</t>
    </rPh>
    <rPh sb="188" eb="190">
      <t>ジョウキョウ</t>
    </rPh>
    <rPh sb="191" eb="192">
      <t>オウ</t>
    </rPh>
    <rPh sb="199" eb="200">
      <t>ツキ</t>
    </rPh>
    <rPh sb="202" eb="205">
      <t>カイイジョウ</t>
    </rPh>
    <rPh sb="205" eb="208">
      <t>テイキテキ</t>
    </rPh>
    <rPh sb="209" eb="211">
      <t>カイサイ</t>
    </rPh>
    <rPh sb="218" eb="221">
      <t>カンセンショウ</t>
    </rPh>
    <rPh sb="222" eb="224">
      <t>リュウコウ</t>
    </rPh>
    <rPh sb="226" eb="229">
      <t>ジキトウ</t>
    </rPh>
    <rPh sb="236" eb="238">
      <t>ヒツヨウ</t>
    </rPh>
    <rPh sb="239" eb="240">
      <t>オウ</t>
    </rPh>
    <rPh sb="241" eb="243">
      <t>ズイジ</t>
    </rPh>
    <rPh sb="243" eb="245">
      <t>カイサイ</t>
    </rPh>
    <rPh sb="247" eb="249">
      <t>ヒツヨウ</t>
    </rPh>
    <phoneticPr fontId="1"/>
  </si>
  <si>
    <t>【感染症及び食中毒の予防及びまん延の防止のための指針】
・指針には、平常時の対策及び発生時の対応を規定する。
・平常時の対策としては、施設内の衛生管理（環境の整備、排泄物の処理、血液・体液の処理等）、日常のケアに係る
　感染対策（標準的な予防策（例えば、血液・体液・分泌液・排泄物などに触れるとき、傷や創傷皮膚に触れるときど
　のようにするかなどの取り決め）、手洗いの基本、早期発見のための日常の観察項目）等が想定される。
・発生時の対応としては、発生状況の把握、感染拡大の防止、医療機関や保健所、市町村における施設関係課等の関係
　機関との連携、医療処置、行政への報告等が想定される。
・発生時における施設内の連絡体制や関係機関への連絡体制を整備し、明記しておくことも必要である。
・それぞれの項目の記載内容の例については、「介護現場における感染対策の手引き」を参照されたい。</t>
    <rPh sb="1" eb="4">
      <t>カンセンショウ</t>
    </rPh>
    <rPh sb="4" eb="5">
      <t>オヨ</t>
    </rPh>
    <rPh sb="6" eb="9">
      <t>ショクチュウドク</t>
    </rPh>
    <rPh sb="10" eb="12">
      <t>ヨボウ</t>
    </rPh>
    <rPh sb="12" eb="13">
      <t>オヨ</t>
    </rPh>
    <rPh sb="16" eb="17">
      <t>エン</t>
    </rPh>
    <rPh sb="18" eb="20">
      <t>ボウシ</t>
    </rPh>
    <rPh sb="24" eb="26">
      <t>シシン</t>
    </rPh>
    <rPh sb="29" eb="31">
      <t>シシン</t>
    </rPh>
    <rPh sb="34" eb="36">
      <t>ヘイジョウ</t>
    </rPh>
    <rPh sb="36" eb="37">
      <t>ジ</t>
    </rPh>
    <rPh sb="38" eb="40">
      <t>タイサク</t>
    </rPh>
    <rPh sb="40" eb="41">
      <t>オヨ</t>
    </rPh>
    <rPh sb="42" eb="44">
      <t>ハッセイ</t>
    </rPh>
    <rPh sb="44" eb="45">
      <t>ジ</t>
    </rPh>
    <rPh sb="46" eb="48">
      <t>タイオウ</t>
    </rPh>
    <rPh sb="49" eb="51">
      <t>キテイ</t>
    </rPh>
    <rPh sb="56" eb="58">
      <t>ヘイジョウ</t>
    </rPh>
    <rPh sb="58" eb="59">
      <t>ジ</t>
    </rPh>
    <rPh sb="60" eb="62">
      <t>タイサク</t>
    </rPh>
    <rPh sb="67" eb="69">
      <t>シセツ</t>
    </rPh>
    <rPh sb="69" eb="70">
      <t>ナイ</t>
    </rPh>
    <rPh sb="71" eb="73">
      <t>エイセイ</t>
    </rPh>
    <rPh sb="73" eb="75">
      <t>カンリ</t>
    </rPh>
    <rPh sb="76" eb="78">
      <t>カンキョウ</t>
    </rPh>
    <rPh sb="79" eb="81">
      <t>セイビ</t>
    </rPh>
    <rPh sb="82" eb="85">
      <t>ハイセツブツ</t>
    </rPh>
    <rPh sb="86" eb="88">
      <t>ショリ</t>
    </rPh>
    <rPh sb="89" eb="91">
      <t>ケツエキ</t>
    </rPh>
    <rPh sb="92" eb="94">
      <t>タイエキ</t>
    </rPh>
    <rPh sb="95" eb="97">
      <t>ショリ</t>
    </rPh>
    <rPh sb="97" eb="98">
      <t>トウ</t>
    </rPh>
    <rPh sb="100" eb="102">
      <t>ニチジョウ</t>
    </rPh>
    <rPh sb="106" eb="107">
      <t>カカ</t>
    </rPh>
    <rPh sb="110" eb="112">
      <t>カンセン</t>
    </rPh>
    <rPh sb="112" eb="114">
      <t>タイサク</t>
    </rPh>
    <rPh sb="115" eb="118">
      <t>ヒョウジュンテキ</t>
    </rPh>
    <rPh sb="119" eb="121">
      <t>ヨボウ</t>
    </rPh>
    <rPh sb="121" eb="122">
      <t>サク</t>
    </rPh>
    <rPh sb="123" eb="124">
      <t>タト</t>
    </rPh>
    <rPh sb="127" eb="129">
      <t>ケツエキ</t>
    </rPh>
    <rPh sb="130" eb="132">
      <t>タイエキ</t>
    </rPh>
    <rPh sb="133" eb="136">
      <t>ブンピエキ</t>
    </rPh>
    <rPh sb="137" eb="140">
      <t>ハイセツブツ</t>
    </rPh>
    <rPh sb="143" eb="144">
      <t>フ</t>
    </rPh>
    <rPh sb="149" eb="150">
      <t>キズ</t>
    </rPh>
    <rPh sb="151" eb="153">
      <t>ソウショウ</t>
    </rPh>
    <rPh sb="153" eb="155">
      <t>ヒフ</t>
    </rPh>
    <rPh sb="156" eb="157">
      <t>フ</t>
    </rPh>
    <rPh sb="174" eb="175">
      <t>ト</t>
    </rPh>
    <rPh sb="176" eb="177">
      <t>キ</t>
    </rPh>
    <rPh sb="180" eb="182">
      <t>テアラ</t>
    </rPh>
    <rPh sb="184" eb="186">
      <t>キホン</t>
    </rPh>
    <rPh sb="187" eb="189">
      <t>ソウキ</t>
    </rPh>
    <rPh sb="189" eb="191">
      <t>ハッケン</t>
    </rPh>
    <rPh sb="195" eb="197">
      <t>ニチジョウ</t>
    </rPh>
    <rPh sb="198" eb="200">
      <t>カンサツ</t>
    </rPh>
    <rPh sb="200" eb="202">
      <t>コウモク</t>
    </rPh>
    <rPh sb="203" eb="204">
      <t>トウ</t>
    </rPh>
    <rPh sb="205" eb="207">
      <t>ソウテイ</t>
    </rPh>
    <rPh sb="213" eb="215">
      <t>ハッセイ</t>
    </rPh>
    <rPh sb="215" eb="216">
      <t>ジ</t>
    </rPh>
    <rPh sb="217" eb="219">
      <t>タイオウ</t>
    </rPh>
    <rPh sb="224" eb="226">
      <t>ハッセイ</t>
    </rPh>
    <rPh sb="226" eb="228">
      <t>ジョウキョウ</t>
    </rPh>
    <rPh sb="229" eb="231">
      <t>ハアク</t>
    </rPh>
    <rPh sb="232" eb="234">
      <t>カンセン</t>
    </rPh>
    <rPh sb="234" eb="236">
      <t>カクダイ</t>
    </rPh>
    <rPh sb="237" eb="239">
      <t>ボウシ</t>
    </rPh>
    <rPh sb="240" eb="242">
      <t>イリョウ</t>
    </rPh>
    <rPh sb="242" eb="244">
      <t>キカン</t>
    </rPh>
    <rPh sb="245" eb="248">
      <t>ホケンジョ</t>
    </rPh>
    <rPh sb="249" eb="252">
      <t>シチョウソン</t>
    </rPh>
    <rPh sb="256" eb="258">
      <t>シセツ</t>
    </rPh>
    <rPh sb="258" eb="260">
      <t>カンケイ</t>
    </rPh>
    <rPh sb="260" eb="261">
      <t>カ</t>
    </rPh>
    <rPh sb="261" eb="262">
      <t>トウ</t>
    </rPh>
    <rPh sb="263" eb="265">
      <t>カンケイ</t>
    </rPh>
    <rPh sb="267" eb="269">
      <t>キカン</t>
    </rPh>
    <rPh sb="271" eb="273">
      <t>レンケイ</t>
    </rPh>
    <rPh sb="274" eb="276">
      <t>イリョウ</t>
    </rPh>
    <rPh sb="276" eb="278">
      <t>ショチ</t>
    </rPh>
    <rPh sb="279" eb="281">
      <t>ギョウセイ</t>
    </rPh>
    <rPh sb="283" eb="285">
      <t>ホウコク</t>
    </rPh>
    <rPh sb="285" eb="286">
      <t>トウ</t>
    </rPh>
    <rPh sb="287" eb="289">
      <t>ソウテイ</t>
    </rPh>
    <rPh sb="348" eb="350">
      <t>コウモク</t>
    </rPh>
    <rPh sb="351" eb="353">
      <t>キサイ</t>
    </rPh>
    <rPh sb="353" eb="355">
      <t>ナイヨウ</t>
    </rPh>
    <rPh sb="356" eb="357">
      <t>レイ</t>
    </rPh>
    <rPh sb="364" eb="366">
      <t>カイゴ</t>
    </rPh>
    <rPh sb="366" eb="368">
      <t>ゲンバ</t>
    </rPh>
    <rPh sb="372" eb="376">
      <t>カンセンタイサク</t>
    </rPh>
    <rPh sb="377" eb="379">
      <t>テビ</t>
    </rPh>
    <rPh sb="382" eb="384">
      <t>サンショウ</t>
    </rPh>
    <phoneticPr fontId="1"/>
  </si>
  <si>
    <r>
      <t>【感染症の予防及びまん延の防止のための訓練】　</t>
    </r>
    <r>
      <rPr>
        <u/>
        <sz val="8"/>
        <rFont val="HGｺﾞｼｯｸM"/>
        <family val="3"/>
        <charset val="128"/>
      </rPr>
      <t>※令和6年3月31日まで努力義務</t>
    </r>
    <r>
      <rPr>
        <sz val="8"/>
        <rFont val="HGｺﾞｼｯｸM"/>
        <family val="3"/>
        <charset val="128"/>
      </rPr>
      <t xml:space="preserve">
・平時から、実際に感染症が発生した場合を想定し、発生時の対応について、訓練（シミュレーション）を定期的（年
　2回以上）に行うことが必要である。
・訓練においては、感染症発生時において迅速に行動できるよう、発生時の対応を定めた指針及び研修内容に基づき、
　施設内の役割分担の確認や、感染対策をした上でのケアの演習などを実施するものとする。
・訓練の実施は、机上を含めその実施手法は問わないものの、机上及び実地で実施するものを適切に組み合わせながら
　実施することが適切である。</t>
    </r>
    <rPh sb="1" eb="4">
      <t>カンセンショウ</t>
    </rPh>
    <rPh sb="5" eb="7">
      <t>ヨボウ</t>
    </rPh>
    <rPh sb="7" eb="8">
      <t>オヨ</t>
    </rPh>
    <rPh sb="11" eb="12">
      <t>エン</t>
    </rPh>
    <rPh sb="13" eb="15">
      <t>ボウシ</t>
    </rPh>
    <rPh sb="19" eb="21">
      <t>クンレン</t>
    </rPh>
    <rPh sb="24" eb="26">
      <t>レイワ</t>
    </rPh>
    <rPh sb="27" eb="28">
      <t>ネン</t>
    </rPh>
    <rPh sb="29" eb="30">
      <t>ガツ</t>
    </rPh>
    <rPh sb="32" eb="33">
      <t>ニチ</t>
    </rPh>
    <rPh sb="35" eb="37">
      <t>ドリョク</t>
    </rPh>
    <rPh sb="37" eb="39">
      <t>ギム</t>
    </rPh>
    <phoneticPr fontId="1"/>
  </si>
  <si>
    <t>【入所予定者への対応】
・施設は、入所予定者の感染症に関する事項も含めた健康状態を確認することが必要であるが、その結果感染症や既往
　症であっても、一定の場合を除き、サービス提供を断る正当な理由には該当しないものである。
・こうした者が入所する場合には、感染対策担当者は、介護職員その他の職員に対し、当該感染症に関する知識、対応
　等について周知することが必要である。</t>
    <rPh sb="1" eb="3">
      <t>ニュウショ</t>
    </rPh>
    <rPh sb="3" eb="5">
      <t>ヨテイ</t>
    </rPh>
    <rPh sb="5" eb="6">
      <t>シャ</t>
    </rPh>
    <rPh sb="8" eb="10">
      <t>タイオウ</t>
    </rPh>
    <rPh sb="13" eb="15">
      <t>シセツ</t>
    </rPh>
    <rPh sb="17" eb="19">
      <t>ニュウショ</t>
    </rPh>
    <rPh sb="19" eb="21">
      <t>ヨテイ</t>
    </rPh>
    <rPh sb="21" eb="22">
      <t>シャ</t>
    </rPh>
    <rPh sb="23" eb="26">
      <t>カンセンショウ</t>
    </rPh>
    <rPh sb="27" eb="28">
      <t>カン</t>
    </rPh>
    <rPh sb="30" eb="32">
      <t>ジコウ</t>
    </rPh>
    <rPh sb="33" eb="34">
      <t>フク</t>
    </rPh>
    <rPh sb="36" eb="38">
      <t>ケンコウ</t>
    </rPh>
    <rPh sb="38" eb="40">
      <t>ジョウタイ</t>
    </rPh>
    <rPh sb="41" eb="43">
      <t>カクニン</t>
    </rPh>
    <rPh sb="48" eb="50">
      <t>ヒツヨウ</t>
    </rPh>
    <rPh sb="57" eb="59">
      <t>ケッカ</t>
    </rPh>
    <rPh sb="59" eb="62">
      <t>カンセンショウ</t>
    </rPh>
    <rPh sb="63" eb="65">
      <t>キオウ</t>
    </rPh>
    <rPh sb="67" eb="68">
      <t>ショウ</t>
    </rPh>
    <rPh sb="74" eb="76">
      <t>イッテイ</t>
    </rPh>
    <rPh sb="77" eb="79">
      <t>バアイ</t>
    </rPh>
    <rPh sb="80" eb="81">
      <t>ノゾ</t>
    </rPh>
    <rPh sb="87" eb="89">
      <t>テイキョウ</t>
    </rPh>
    <rPh sb="90" eb="91">
      <t>コトワ</t>
    </rPh>
    <rPh sb="92" eb="94">
      <t>セイトウ</t>
    </rPh>
    <rPh sb="95" eb="97">
      <t>リユウ</t>
    </rPh>
    <rPh sb="99" eb="101">
      <t>ガイトウ</t>
    </rPh>
    <rPh sb="116" eb="117">
      <t>モノ</t>
    </rPh>
    <rPh sb="118" eb="120">
      <t>ニュウショ</t>
    </rPh>
    <rPh sb="122" eb="124">
      <t>バアイ</t>
    </rPh>
    <rPh sb="127" eb="129">
      <t>カンセン</t>
    </rPh>
    <rPh sb="129" eb="131">
      <t>タイサク</t>
    </rPh>
    <rPh sb="131" eb="134">
      <t>タントウシャ</t>
    </rPh>
    <rPh sb="136" eb="138">
      <t>カイゴ</t>
    </rPh>
    <rPh sb="138" eb="140">
      <t>ショクイン</t>
    </rPh>
    <rPh sb="142" eb="143">
      <t>タ</t>
    </rPh>
    <rPh sb="144" eb="146">
      <t>ショクイン</t>
    </rPh>
    <rPh sb="147" eb="148">
      <t>タイ</t>
    </rPh>
    <rPh sb="150" eb="152">
      <t>トウガイ</t>
    </rPh>
    <rPh sb="152" eb="155">
      <t>カンセンショウ</t>
    </rPh>
    <rPh sb="156" eb="157">
      <t>カン</t>
    </rPh>
    <rPh sb="159" eb="161">
      <t>チシキ</t>
    </rPh>
    <rPh sb="162" eb="164">
      <t>タイオウ</t>
    </rPh>
    <rPh sb="166" eb="167">
      <t>トウ</t>
    </rPh>
    <rPh sb="171" eb="173">
      <t>シュウチ</t>
    </rPh>
    <rPh sb="178" eb="180">
      <t>ヒツヨウ</t>
    </rPh>
    <phoneticPr fontId="1"/>
  </si>
  <si>
    <t>○解釈通知第5-18
【事故発生の防止のための指針】
・次のような項目を盛り込むこと。
　①施設における介護事故の防止に関する基本的考え方
　②介護事故の防止のための委員会その他施設内の組織に関する事項
　③介護事故の防止のための職員研修に関する基本指針
　④施設内で発生した介護事故、ヒヤリ・ハット事例及び現状を放置しておくと介護事故に結びつく可能性が高いもの
　　の報告方法等の介護に係る安全の確保を目的とした改善のための方策に関する基本指針
　⑤介護事故等発生時の対応に関する基本指針
　⑥入所者等に対する当該指針の閲覧に関する基本指針
　⑦その他介護事故等の発生の防止の推進のために必要な基本指針</t>
    <rPh sb="1" eb="3">
      <t>カイシャク</t>
    </rPh>
    <rPh sb="3" eb="5">
      <t>ツウチ</t>
    </rPh>
    <rPh sb="5" eb="6">
      <t>ダイ</t>
    </rPh>
    <rPh sb="12" eb="14">
      <t>ジコ</t>
    </rPh>
    <rPh sb="14" eb="16">
      <t>ハッセイ</t>
    </rPh>
    <rPh sb="17" eb="19">
      <t>ボウシ</t>
    </rPh>
    <rPh sb="23" eb="25">
      <t>シシン</t>
    </rPh>
    <rPh sb="28" eb="29">
      <t>ツギ</t>
    </rPh>
    <rPh sb="33" eb="35">
      <t>コウモク</t>
    </rPh>
    <rPh sb="36" eb="37">
      <t>モ</t>
    </rPh>
    <rPh sb="38" eb="39">
      <t>コ</t>
    </rPh>
    <rPh sb="46" eb="48">
      <t>シセツ</t>
    </rPh>
    <rPh sb="52" eb="54">
      <t>カイゴ</t>
    </rPh>
    <rPh sb="54" eb="56">
      <t>ジコ</t>
    </rPh>
    <rPh sb="57" eb="59">
      <t>ボウシ</t>
    </rPh>
    <rPh sb="60" eb="61">
      <t>カン</t>
    </rPh>
    <rPh sb="63" eb="66">
      <t>キホンテキ</t>
    </rPh>
    <rPh sb="66" eb="67">
      <t>カンガ</t>
    </rPh>
    <rPh sb="68" eb="69">
      <t>カタ</t>
    </rPh>
    <rPh sb="72" eb="74">
      <t>カイゴ</t>
    </rPh>
    <rPh sb="74" eb="76">
      <t>ジコ</t>
    </rPh>
    <rPh sb="77" eb="79">
      <t>ボウシ</t>
    </rPh>
    <rPh sb="83" eb="86">
      <t>イインカイ</t>
    </rPh>
    <rPh sb="88" eb="89">
      <t>タ</t>
    </rPh>
    <rPh sb="89" eb="91">
      <t>シセツ</t>
    </rPh>
    <rPh sb="91" eb="92">
      <t>ナイ</t>
    </rPh>
    <rPh sb="93" eb="95">
      <t>ソシキ</t>
    </rPh>
    <rPh sb="96" eb="97">
      <t>カン</t>
    </rPh>
    <rPh sb="99" eb="101">
      <t>ジコウ</t>
    </rPh>
    <rPh sb="104" eb="106">
      <t>カイゴ</t>
    </rPh>
    <rPh sb="106" eb="108">
      <t>ジコ</t>
    </rPh>
    <rPh sb="109" eb="111">
      <t>ボウシ</t>
    </rPh>
    <rPh sb="115" eb="117">
      <t>ショクイン</t>
    </rPh>
    <rPh sb="117" eb="119">
      <t>ケンシュウ</t>
    </rPh>
    <rPh sb="120" eb="121">
      <t>カン</t>
    </rPh>
    <rPh sb="123" eb="125">
      <t>キホン</t>
    </rPh>
    <rPh sb="125" eb="127">
      <t>シシン</t>
    </rPh>
    <rPh sb="130" eb="132">
      <t>シセツ</t>
    </rPh>
    <rPh sb="132" eb="133">
      <t>ナイ</t>
    </rPh>
    <rPh sb="134" eb="136">
      <t>ハッセイ</t>
    </rPh>
    <rPh sb="138" eb="140">
      <t>カイゴ</t>
    </rPh>
    <rPh sb="140" eb="142">
      <t>ジコ</t>
    </rPh>
    <rPh sb="150" eb="152">
      <t>ジレイ</t>
    </rPh>
    <rPh sb="152" eb="153">
      <t>オヨ</t>
    </rPh>
    <rPh sb="154" eb="156">
      <t>ゲンジョウ</t>
    </rPh>
    <rPh sb="157" eb="159">
      <t>ホウチ</t>
    </rPh>
    <rPh sb="164" eb="166">
      <t>カイゴ</t>
    </rPh>
    <rPh sb="166" eb="168">
      <t>ジコ</t>
    </rPh>
    <rPh sb="169" eb="170">
      <t>ムス</t>
    </rPh>
    <rPh sb="173" eb="176">
      <t>カノウセイ</t>
    </rPh>
    <rPh sb="177" eb="178">
      <t>タカ</t>
    </rPh>
    <rPh sb="185" eb="187">
      <t>ホウコク</t>
    </rPh>
    <rPh sb="187" eb="189">
      <t>ホウホウ</t>
    </rPh>
    <rPh sb="189" eb="190">
      <t>トウ</t>
    </rPh>
    <rPh sb="191" eb="193">
      <t>カイゴ</t>
    </rPh>
    <rPh sb="194" eb="195">
      <t>カカ</t>
    </rPh>
    <rPh sb="196" eb="198">
      <t>アンゼン</t>
    </rPh>
    <rPh sb="199" eb="201">
      <t>カクホ</t>
    </rPh>
    <rPh sb="202" eb="204">
      <t>モクテキ</t>
    </rPh>
    <rPh sb="207" eb="209">
      <t>カイゼン</t>
    </rPh>
    <rPh sb="213" eb="215">
      <t>ホウサク</t>
    </rPh>
    <rPh sb="216" eb="217">
      <t>カン</t>
    </rPh>
    <rPh sb="219" eb="221">
      <t>キホン</t>
    </rPh>
    <rPh sb="221" eb="223">
      <t>シシン</t>
    </rPh>
    <rPh sb="226" eb="228">
      <t>カイゴ</t>
    </rPh>
    <rPh sb="228" eb="230">
      <t>ジコ</t>
    </rPh>
    <rPh sb="230" eb="231">
      <t>トウ</t>
    </rPh>
    <rPh sb="231" eb="233">
      <t>ハッセイ</t>
    </rPh>
    <rPh sb="233" eb="234">
      <t>ジ</t>
    </rPh>
    <rPh sb="235" eb="237">
      <t>タイオウ</t>
    </rPh>
    <rPh sb="238" eb="239">
      <t>カン</t>
    </rPh>
    <rPh sb="241" eb="243">
      <t>キホン</t>
    </rPh>
    <rPh sb="243" eb="245">
      <t>シシン</t>
    </rPh>
    <rPh sb="248" eb="251">
      <t>ニュウショシャ</t>
    </rPh>
    <rPh sb="251" eb="252">
      <t>トウ</t>
    </rPh>
    <rPh sb="253" eb="254">
      <t>タイ</t>
    </rPh>
    <rPh sb="256" eb="258">
      <t>トウガイ</t>
    </rPh>
    <rPh sb="258" eb="260">
      <t>シシン</t>
    </rPh>
    <rPh sb="261" eb="263">
      <t>エツラン</t>
    </rPh>
    <rPh sb="264" eb="265">
      <t>カン</t>
    </rPh>
    <rPh sb="267" eb="269">
      <t>キホン</t>
    </rPh>
    <rPh sb="269" eb="271">
      <t>シシン</t>
    </rPh>
    <rPh sb="276" eb="277">
      <t>タ</t>
    </rPh>
    <rPh sb="277" eb="279">
      <t>カイゴ</t>
    </rPh>
    <rPh sb="279" eb="281">
      <t>ジコ</t>
    </rPh>
    <rPh sb="281" eb="282">
      <t>トウ</t>
    </rPh>
    <rPh sb="283" eb="285">
      <t>ハッセイ</t>
    </rPh>
    <rPh sb="286" eb="288">
      <t>ボウシ</t>
    </rPh>
    <rPh sb="289" eb="291">
      <t>スイシン</t>
    </rPh>
    <rPh sb="295" eb="297">
      <t>ヒツヨウ</t>
    </rPh>
    <rPh sb="298" eb="300">
      <t>キホン</t>
    </rPh>
    <rPh sb="300" eb="302">
      <t>シシン</t>
    </rPh>
    <phoneticPr fontId="1"/>
  </si>
  <si>
    <t>【事故発生の防止のための職員に対する研修】
・研修の内容としては、事故発生防止の基礎的内容等の適切な知識を普及・啓発するとともに、当該施設における指針
　に基づき、安全管理の徹底を行うものとする。
・職員教育を組織的に徹底させていくためには、当該施設が指針に基づいた研修プログラムを作成し、定期的な教育（
　年2回以上）を開催するとともに、新規採用時には必ず事故発生の防止の研修を実施することが重要である。
・研修の実施内容についても記録することが必要である。
・研修の実施は、施設内での研修で差し支えない。</t>
    <rPh sb="1" eb="3">
      <t>ジコ</t>
    </rPh>
    <rPh sb="3" eb="5">
      <t>ハッセイ</t>
    </rPh>
    <rPh sb="6" eb="8">
      <t>ボウシ</t>
    </rPh>
    <rPh sb="12" eb="14">
      <t>ショクイン</t>
    </rPh>
    <rPh sb="15" eb="16">
      <t>タイ</t>
    </rPh>
    <rPh sb="18" eb="20">
      <t>ケンシュウ</t>
    </rPh>
    <phoneticPr fontId="1"/>
  </si>
  <si>
    <t>【事故発生防止等の措置を適切に実施するための担当者】
・専任の担当者を置くことが必要である。
・事故防止検討委員会の安全対策を担当する者と同一の従業者が務めることが望ましい。</t>
    <rPh sb="1" eb="3">
      <t>ジコ</t>
    </rPh>
    <rPh sb="3" eb="5">
      <t>ハッセイ</t>
    </rPh>
    <rPh sb="5" eb="7">
      <t>ボウシ</t>
    </rPh>
    <rPh sb="7" eb="8">
      <t>トウ</t>
    </rPh>
    <rPh sb="9" eb="11">
      <t>ソチ</t>
    </rPh>
    <rPh sb="12" eb="14">
      <t>テキセツ</t>
    </rPh>
    <rPh sb="15" eb="17">
      <t>ジッシ</t>
    </rPh>
    <rPh sb="22" eb="25">
      <t>タントウシャ</t>
    </rPh>
    <rPh sb="28" eb="30">
      <t>センニン</t>
    </rPh>
    <rPh sb="31" eb="34">
      <t>タントウシャ</t>
    </rPh>
    <rPh sb="35" eb="36">
      <t>オ</t>
    </rPh>
    <rPh sb="40" eb="42">
      <t>ヒツヨウ</t>
    </rPh>
    <rPh sb="48" eb="57">
      <t>ジコボウシケントウイインカイ</t>
    </rPh>
    <rPh sb="58" eb="60">
      <t>アンゼン</t>
    </rPh>
    <rPh sb="60" eb="62">
      <t>タイサク</t>
    </rPh>
    <rPh sb="63" eb="65">
      <t>タントウ</t>
    </rPh>
    <rPh sb="67" eb="68">
      <t>モノ</t>
    </rPh>
    <rPh sb="69" eb="71">
      <t>ドウイツ</t>
    </rPh>
    <rPh sb="72" eb="75">
      <t>ジュウギョウシャ</t>
    </rPh>
    <rPh sb="76" eb="77">
      <t>ツト</t>
    </rPh>
    <rPh sb="82" eb="83">
      <t>ノゾ</t>
    </rPh>
    <phoneticPr fontId="1"/>
  </si>
  <si>
    <t>【虐待の防止のための対策を検討する委員会】
・施設長を含む幅広い職種で構成する。
・構成メンバーの責務及び役割分担を明確にするとともに、定期的に開催することが必要である。
・施設外の虐待防止の専門家を委員として積極的に活用することが望ましい。
・虐待等の事案については、虐待等に係る諸般の事情が、複雑かつ機微なものであることが想定されるため、その性質
　上、一概に職員に共有されるべき情報であるとは限られず、個別の状況に応じて慎重に対応することが重要である。
・虐待防止検討委員会は、運営委員会など他の委員会と独立して設置・運営することが必要であるが、関係する職種、
　取り扱う事項等が相互に関係が深いと認められる他の会議体を設置している場合、これと一体的に設置・運営するこ
　ととして差し支えない。
・施設に実施が求められるものであるが、他の社会福祉施設・事業所との連携等により行うことも差し支えない。
・テレビ電話装置等を活用する際は、個人情報保護委員会・厚生労働省「医療・介護関係事業者における個人情報の適
　切な取扱いのためのガイダンス」、厚生労働省「医療情報システムの安全管理に関するガイドライン」等を遵守する
　こと。
・虐待防止検討委員会は、具体的には、次のような事項について検討すること。
　①虐待防止検討委員会その他施設内の組織に関すること
　②虐待の防止のための指針の整備に関すること
　③虐待の防止のための職員研修の内容に関すること
　④虐待等について、職員が相談・報告できる体制整備に関すること
　⑤職員が虐待等を把握した場合に、市町村への通報が迅速かつ適切に行われるための方法に関すること
　⑥虐待等が発生した場合、その発生原因等の分析から得られる再発の確実な防止策に関すること
　⑦前号の再発の防止策を講じた際に、その効果についての評価に関すること
・委員会で得た結果（施設における虐待に対する体制、虐待等の再発防止策等）は、職員に周知徹底を図る必要があ
　る。</t>
    <rPh sb="837" eb="839">
      <t>ヒツヨウ</t>
    </rPh>
    <phoneticPr fontId="1"/>
  </si>
  <si>
    <t>【虐待の防止のための研修】
・研修の内容としては、虐待等の防止に関する基礎的内容等の適切な知識を普及・啓発するものであるとともに、当該
　施設における指針に基づき、虐待の防止の徹底を行うもの。
・職員教育を組織的に徹底させていくためには、当該施設が指針に基づいた研修プログラムを作成し、定期的な研修（
　年2回以上）を実施するとともに、新規採用時には必ず虐待の防止のための研修を実施することが重要である。
・研修の実施内容についても記録することが必要である。
・研修の実施は、施設内での研修で差し支えない。</t>
    <rPh sb="1" eb="3">
      <t>ギャクタイ</t>
    </rPh>
    <rPh sb="4" eb="6">
      <t>ボウシ</t>
    </rPh>
    <rPh sb="10" eb="12">
      <t>ケンシュウ</t>
    </rPh>
    <phoneticPr fontId="1"/>
  </si>
  <si>
    <t>【虐待の防止に関する措置を適切に実施するための担当者】
・専任の担当者を置くことが必要である。
・虐待防止検討委員会の責任者と同一の従業者が務めることが望ましい。</t>
    <rPh sb="1" eb="3">
      <t>ギャクタイ</t>
    </rPh>
    <rPh sb="4" eb="6">
      <t>ボウシ</t>
    </rPh>
    <rPh sb="7" eb="8">
      <t>カン</t>
    </rPh>
    <rPh sb="10" eb="12">
      <t>ソチ</t>
    </rPh>
    <rPh sb="13" eb="15">
      <t>テキセツ</t>
    </rPh>
    <rPh sb="16" eb="18">
      <t>ジッシ</t>
    </rPh>
    <rPh sb="23" eb="26">
      <t>タントウシャ</t>
    </rPh>
    <phoneticPr fontId="1"/>
  </si>
  <si>
    <t>□入所者に提供するサー</t>
    <rPh sb="1" eb="4">
      <t>ニュウショシャ</t>
    </rPh>
    <rPh sb="5" eb="7">
      <t>テイキョウ</t>
    </rPh>
    <phoneticPr fontId="1"/>
  </si>
  <si>
    <t>前年度実施日</t>
    <rPh sb="0" eb="3">
      <t>ゼンネンド</t>
    </rPh>
    <rPh sb="3" eb="5">
      <t>ジッシ</t>
    </rPh>
    <rPh sb="5" eb="6">
      <t>ヒ</t>
    </rPh>
    <phoneticPr fontId="1"/>
  </si>
  <si>
    <t>前年度開催日</t>
    <rPh sb="0" eb="3">
      <t>ゼンネンド</t>
    </rPh>
    <rPh sb="3" eb="5">
      <t>カイサイ</t>
    </rPh>
    <rPh sb="5" eb="6">
      <t>ヒ</t>
    </rPh>
    <phoneticPr fontId="1"/>
  </si>
  <si>
    <t>・感染対策を徹底しつつ、入所者と家族等との面会を実施しているか。</t>
    <rPh sb="1" eb="3">
      <t>カンセン</t>
    </rPh>
    <rPh sb="3" eb="5">
      <t>タイサク</t>
    </rPh>
    <rPh sb="6" eb="8">
      <t>テッテイ</t>
    </rPh>
    <rPh sb="12" eb="15">
      <t>ニュウショシャ</t>
    </rPh>
    <rPh sb="16" eb="18">
      <t>カゾク</t>
    </rPh>
    <rPh sb="18" eb="19">
      <t>トウ</t>
    </rPh>
    <rPh sb="21" eb="23">
      <t>メンカイ</t>
    </rPh>
    <rPh sb="24" eb="26">
      <t>ジッシ</t>
    </rPh>
    <phoneticPr fontId="1"/>
  </si>
  <si>
    <t>していない場合、その理由</t>
    <rPh sb="5" eb="7">
      <t>バアイ</t>
    </rPh>
    <rPh sb="10" eb="12">
      <t>リユウ</t>
    </rPh>
    <phoneticPr fontId="1"/>
  </si>
  <si>
    <t>(2) 入所定員を満たすために必要な職員を確保しているか。</t>
    <rPh sb="4" eb="6">
      <t>ニュウショ</t>
    </rPh>
    <rPh sb="6" eb="8">
      <t>テイイン</t>
    </rPh>
    <rPh sb="9" eb="10">
      <t>ミ</t>
    </rPh>
    <rPh sb="15" eb="17">
      <t>ヒツヨウ</t>
    </rPh>
    <rPh sb="18" eb="20">
      <t>ショクイン</t>
    </rPh>
    <rPh sb="21" eb="23">
      <t>カクホ</t>
    </rPh>
    <phoneticPr fontId="1"/>
  </si>
  <si>
    <t>(3) 利用実績が入所定員を大幅に下回っていないか。</t>
    <rPh sb="4" eb="6">
      <t>リヨウ</t>
    </rPh>
    <rPh sb="6" eb="8">
      <t>ジッセキ</t>
    </rPh>
    <rPh sb="9" eb="11">
      <t>ニュウショ</t>
    </rPh>
    <rPh sb="11" eb="13">
      <t>テイイン</t>
    </rPh>
    <rPh sb="14" eb="16">
      <t>オオハバ</t>
    </rPh>
    <rPh sb="17" eb="19">
      <t>シタマワ</t>
    </rPh>
    <phoneticPr fontId="1"/>
  </si>
  <si>
    <t>前年度の平均入所者数</t>
    <rPh sb="0" eb="3">
      <t>ゼンネンド</t>
    </rPh>
    <rPh sb="4" eb="6">
      <t>ヘイキン</t>
    </rPh>
    <rPh sb="6" eb="9">
      <t>ニュウショシャ</t>
    </rPh>
    <rPh sb="9" eb="10">
      <t>スウ</t>
    </rPh>
    <phoneticPr fontId="1"/>
  </si>
  <si>
    <t>現在の入所者数</t>
    <rPh sb="0" eb="2">
      <t>ゲンザイ</t>
    </rPh>
    <rPh sb="3" eb="6">
      <t>ニュウショシャ</t>
    </rPh>
    <rPh sb="6" eb="7">
      <t>スウ</t>
    </rPh>
    <phoneticPr fontId="1"/>
  </si>
  <si>
    <t>現在の待機者数</t>
    <rPh sb="0" eb="2">
      <t>ゲンザイ</t>
    </rPh>
    <rPh sb="3" eb="5">
      <t>タイキ</t>
    </rPh>
    <rPh sb="5" eb="6">
      <t>シャ</t>
    </rPh>
    <rPh sb="6" eb="7">
      <t>スウ</t>
    </rPh>
    <phoneticPr fontId="1"/>
  </si>
  <si>
    <t>（利用実績が入所定員を下回っている場合）
その理由</t>
    <rPh sb="1" eb="3">
      <t>リヨウ</t>
    </rPh>
    <rPh sb="3" eb="5">
      <t>ジッセキ</t>
    </rPh>
    <rPh sb="6" eb="8">
      <t>ニュウショ</t>
    </rPh>
    <rPh sb="8" eb="10">
      <t>テイイン</t>
    </rPh>
    <rPh sb="11" eb="13">
      <t>シタマワ</t>
    </rPh>
    <rPh sb="17" eb="19">
      <t>バアイ</t>
    </rPh>
    <rPh sb="24" eb="26">
      <t>リユウ</t>
    </rPh>
    <phoneticPr fontId="1"/>
  </si>
  <si>
    <t>（空床があり、かつ、待機者がいる場合）
その理由、待機者解消に向けた取組</t>
    <rPh sb="1" eb="3">
      <t>クウショウ</t>
    </rPh>
    <rPh sb="10" eb="13">
      <t>タイキシャ</t>
    </rPh>
    <rPh sb="16" eb="18">
      <t>バアイ</t>
    </rPh>
    <rPh sb="23" eb="25">
      <t>リユウ</t>
    </rPh>
    <rPh sb="26" eb="29">
      <t>タイキシャ</t>
    </rPh>
    <rPh sb="29" eb="31">
      <t>カイショウ</t>
    </rPh>
    <rPh sb="32" eb="33">
      <t>ム</t>
    </rPh>
    <rPh sb="35" eb="37">
      <t>トリクミ</t>
    </rPh>
    <phoneticPr fontId="1"/>
  </si>
  <si>
    <t>○解釈通知第1-7
【非常災害に関する具体的計画】
・消防法施行規則第3条に規定する消防計画（これに準ずる計画を含む。）及び風水害、地震等の災害に対処するため
　の計画をいう。この場合、消防計画の策定及びこれに基づく消防業務の実施は、消防法第8条の規定により防火管理
　者を置くこととされている軽費老人ホームにあってはその者に行わせること。また、防火管理者を置かなくてもよい
　こととされている軽費老人ホームにおいても、防火管理の責任者を定め、その者に消防計画の策定等の業務を行わせ
　ること。
・軽費老人ホームにおける火災の防止等については、「社会福祉施設における防火安全対策の強化について（昭和62年
　9月18日社施第107号社会局長、児童家庭局長連名通知）」等に留意すること。
【関係機関への通報及び連携体制の整備】
　火災等の災害時に、地域の消防機関へ速やかに通報する体制をとるよう職員に周知徹底するとともに、日頃から消防
　団や地域住民との連携を図り、火災等の際に消火・避難等に協力してもらえるような体制作りを求めることとしたも
　のである。
【避難、救出その他必要な訓練】
　訓練の実施に当たっては、消防関係者の参加を促し、具体的な指示を仰ぐなど、より実効性のあるものとすること。</t>
    <rPh sb="11" eb="13">
      <t>ヒジョウ</t>
    </rPh>
    <rPh sb="13" eb="15">
      <t>サイガイ</t>
    </rPh>
    <rPh sb="16" eb="17">
      <t>カン</t>
    </rPh>
    <rPh sb="19" eb="22">
      <t>グタイテキ</t>
    </rPh>
    <rPh sb="22" eb="24">
      <t>ケイカク</t>
    </rPh>
    <rPh sb="27" eb="30">
      <t>ショウボウホウ</t>
    </rPh>
    <rPh sb="30" eb="32">
      <t>セコウ</t>
    </rPh>
    <rPh sb="32" eb="34">
      <t>キソク</t>
    </rPh>
    <rPh sb="34" eb="35">
      <t>ダイ</t>
    </rPh>
    <rPh sb="36" eb="37">
      <t>ジョウ</t>
    </rPh>
    <rPh sb="38" eb="40">
      <t>キテイ</t>
    </rPh>
    <rPh sb="42" eb="44">
      <t>ショウボウ</t>
    </rPh>
    <rPh sb="44" eb="46">
      <t>ケイカク</t>
    </rPh>
    <rPh sb="50" eb="51">
      <t>ジュン</t>
    </rPh>
    <rPh sb="53" eb="55">
      <t>ケイカク</t>
    </rPh>
    <rPh sb="56" eb="57">
      <t>フク</t>
    </rPh>
    <rPh sb="60" eb="61">
      <t>オヨ</t>
    </rPh>
    <rPh sb="62" eb="65">
      <t>フウスイガイ</t>
    </rPh>
    <rPh sb="66" eb="68">
      <t>ジシン</t>
    </rPh>
    <rPh sb="68" eb="69">
      <t>トウ</t>
    </rPh>
    <rPh sb="70" eb="72">
      <t>サイガイ</t>
    </rPh>
    <rPh sb="73" eb="75">
      <t>タイショ</t>
    </rPh>
    <rPh sb="82" eb="84">
      <t>ケイカク</t>
    </rPh>
    <rPh sb="90" eb="92">
      <t>バアイ</t>
    </rPh>
    <rPh sb="93" eb="95">
      <t>ショウボウ</t>
    </rPh>
    <rPh sb="95" eb="97">
      <t>ケイカク</t>
    </rPh>
    <rPh sb="98" eb="100">
      <t>サクテイ</t>
    </rPh>
    <rPh sb="100" eb="101">
      <t>オヨ</t>
    </rPh>
    <rPh sb="105" eb="106">
      <t>モト</t>
    </rPh>
    <rPh sb="108" eb="110">
      <t>ショウボウ</t>
    </rPh>
    <rPh sb="110" eb="112">
      <t>ギョウム</t>
    </rPh>
    <rPh sb="113" eb="115">
      <t>ジッシ</t>
    </rPh>
    <rPh sb="117" eb="120">
      <t>ショウボウホウ</t>
    </rPh>
    <rPh sb="120" eb="121">
      <t>ダイ</t>
    </rPh>
    <rPh sb="122" eb="123">
      <t>ジョウ</t>
    </rPh>
    <rPh sb="124" eb="126">
      <t>キテイ</t>
    </rPh>
    <rPh sb="129" eb="131">
      <t>ボウカ</t>
    </rPh>
    <rPh sb="137" eb="138">
      <t>オ</t>
    </rPh>
    <rPh sb="161" eb="162">
      <t>モノ</t>
    </rPh>
    <rPh sb="163" eb="164">
      <t>オコナ</t>
    </rPh>
    <rPh sb="173" eb="175">
      <t>ボウカ</t>
    </rPh>
    <rPh sb="175" eb="178">
      <t>カンリシャ</t>
    </rPh>
    <rPh sb="179" eb="180">
      <t>オ</t>
    </rPh>
    <rPh sb="210" eb="212">
      <t>ボウカ</t>
    </rPh>
    <rPh sb="212" eb="214">
      <t>カンリ</t>
    </rPh>
    <rPh sb="215" eb="218">
      <t>セキニンシャ</t>
    </rPh>
    <rPh sb="219" eb="220">
      <t>サダ</t>
    </rPh>
    <rPh sb="224" eb="225">
      <t>モノ</t>
    </rPh>
    <rPh sb="226" eb="228">
      <t>ショウボウ</t>
    </rPh>
    <rPh sb="228" eb="230">
      <t>ケイカク</t>
    </rPh>
    <rPh sb="231" eb="233">
      <t>サクテイ</t>
    </rPh>
    <rPh sb="233" eb="234">
      <t>トウ</t>
    </rPh>
    <rPh sb="235" eb="237">
      <t>ギョウム</t>
    </rPh>
    <rPh sb="238" eb="239">
      <t>オコナ</t>
    </rPh>
    <rPh sb="249" eb="253">
      <t>ケイヒロウジン</t>
    </rPh>
    <rPh sb="260" eb="262">
      <t>カサイ</t>
    </rPh>
    <rPh sb="263" eb="265">
      <t>ボウシ</t>
    </rPh>
    <rPh sb="265" eb="266">
      <t>トウ</t>
    </rPh>
    <rPh sb="273" eb="275">
      <t>シャカイ</t>
    </rPh>
    <rPh sb="275" eb="277">
      <t>フクシ</t>
    </rPh>
    <rPh sb="277" eb="279">
      <t>シセツ</t>
    </rPh>
    <rPh sb="283" eb="285">
      <t>ボウカ</t>
    </rPh>
    <rPh sb="285" eb="287">
      <t>アンゼン</t>
    </rPh>
    <rPh sb="287" eb="289">
      <t>タイサク</t>
    </rPh>
    <rPh sb="290" eb="292">
      <t>キョウカ</t>
    </rPh>
    <rPh sb="297" eb="299">
      <t>ショウワ</t>
    </rPh>
    <rPh sb="301" eb="302">
      <t>ネン</t>
    </rPh>
    <rPh sb="305" eb="306">
      <t>ガツ</t>
    </rPh>
    <rPh sb="308" eb="309">
      <t>ニチ</t>
    </rPh>
    <rPh sb="309" eb="310">
      <t>シャ</t>
    </rPh>
    <phoneticPr fontId="1"/>
  </si>
  <si>
    <t>１５－１　感染症に係る業務継続計画</t>
    <rPh sb="5" eb="8">
      <t>カンセンショウ</t>
    </rPh>
    <rPh sb="9" eb="10">
      <t>カカ</t>
    </rPh>
    <rPh sb="11" eb="17">
      <t>ギョウムケイゾクケイカク</t>
    </rPh>
    <phoneticPr fontId="1"/>
  </si>
  <si>
    <t>１５－２　非常災害に係る業務継続計画</t>
    <rPh sb="5" eb="7">
      <t>ヒジョウ</t>
    </rPh>
    <rPh sb="7" eb="9">
      <t>サイガイ</t>
    </rPh>
    <rPh sb="10" eb="11">
      <t>カカ</t>
    </rPh>
    <rPh sb="12" eb="18">
      <t>ギョウムケイゾクケイカク</t>
    </rPh>
    <phoneticPr fontId="1"/>
  </si>
  <si>
    <t>　務継続計画）の策定及び必要な措置を講じているか。</t>
    <phoneticPr fontId="1"/>
  </si>
  <si>
    <t>(1) 感染症発生時のサービスの継続実施及び早期の業務再開の計画（業</t>
    <rPh sb="4" eb="7">
      <t>カンセンショウ</t>
    </rPh>
    <rPh sb="7" eb="9">
      <t>ハッセイ</t>
    </rPh>
    <rPh sb="9" eb="10">
      <t>ジ</t>
    </rPh>
    <rPh sb="16" eb="18">
      <t>ケイゾク</t>
    </rPh>
    <rPh sb="18" eb="20">
      <t>ジッシ</t>
    </rPh>
    <rPh sb="20" eb="21">
      <t>オヨ</t>
    </rPh>
    <rPh sb="22" eb="24">
      <t>ソウキ</t>
    </rPh>
    <rPh sb="25" eb="26">
      <t>ギョウ</t>
    </rPh>
    <phoneticPr fontId="1"/>
  </si>
  <si>
    <t>　業務継続計画）の策定及び必要な措置を講じているか。</t>
    <phoneticPr fontId="1"/>
  </si>
  <si>
    <t>(1) 非常災害発生時のサービスの継続実施及び早期の業務再開の計画（</t>
    <rPh sb="4" eb="6">
      <t>ヒジョウ</t>
    </rPh>
    <rPh sb="6" eb="8">
      <t>サイガイ</t>
    </rPh>
    <rPh sb="8" eb="10">
      <t>ハッセイ</t>
    </rPh>
    <rPh sb="10" eb="11">
      <t>ジ</t>
    </rPh>
    <rPh sb="17" eb="19">
      <t>ケイゾク</t>
    </rPh>
    <rPh sb="19" eb="21">
      <t>ジッシ</t>
    </rPh>
    <rPh sb="21" eb="22">
      <t>オヨ</t>
    </rPh>
    <rPh sb="23" eb="25">
      <t>ソウキ</t>
    </rPh>
    <rPh sb="26" eb="27">
      <t>ギョウ</t>
    </rPh>
    <phoneticPr fontId="1"/>
  </si>
  <si>
    <t>　　（Ⅳ－１５－２－(1)（p.29）において確認）</t>
    <rPh sb="23" eb="25">
      <t>カクニン</t>
    </rPh>
    <phoneticPr fontId="1"/>
  </si>
  <si>
    <t>　　（Ⅳ－１５－２－(2)（p.29）において確認）</t>
    <phoneticPr fontId="1"/>
  </si>
  <si>
    <t>　　（Ⅳ－１５－１－(1)（p.29）において確認）</t>
    <rPh sb="23" eb="25">
      <t>カクニン</t>
    </rPh>
    <phoneticPr fontId="1"/>
  </si>
  <si>
    <t>　　（Ⅳ－１５－１－(2)（p.29）において確認）</t>
    <phoneticPr fontId="1"/>
  </si>
  <si>
    <t>入所者一覧表（自主点検日現在）</t>
    <rPh sb="0" eb="3">
      <t>ニュウショシャ</t>
    </rPh>
    <rPh sb="3" eb="6">
      <t>イチランヒョウ</t>
    </rPh>
    <rPh sb="7" eb="9">
      <t>ジシュ</t>
    </rPh>
    <rPh sb="9" eb="11">
      <t>テンケン</t>
    </rPh>
    <rPh sb="11" eb="12">
      <t>ビ</t>
    </rPh>
    <rPh sb="12" eb="14">
      <t>ゲンザイ</t>
    </rPh>
    <phoneticPr fontId="1"/>
  </si>
  <si>
    <t>　※既存の資料で確認できる場合は、当該資料をご提出ください。その場合、本表の作成は不要です。</t>
    <rPh sb="2" eb="4">
      <t>キゾン</t>
    </rPh>
    <rPh sb="5" eb="7">
      <t>シリョウ</t>
    </rPh>
    <rPh sb="8" eb="10">
      <t>カクニン</t>
    </rPh>
    <rPh sb="13" eb="15">
      <t>バアイ</t>
    </rPh>
    <rPh sb="17" eb="19">
      <t>トウガイ</t>
    </rPh>
    <rPh sb="19" eb="21">
      <t>シリョウ</t>
    </rPh>
    <rPh sb="23" eb="25">
      <t>テイシュツ</t>
    </rPh>
    <rPh sb="32" eb="34">
      <t>バアイ</t>
    </rPh>
    <rPh sb="35" eb="36">
      <t>ホン</t>
    </rPh>
    <rPh sb="36" eb="37">
      <t>ピョウ</t>
    </rPh>
    <rPh sb="38" eb="40">
      <t>サクセイ</t>
    </rPh>
    <rPh sb="41" eb="43">
      <t>フヨウ</t>
    </rPh>
    <phoneticPr fontId="1"/>
  </si>
  <si>
    <t>番号</t>
    <rPh sb="0" eb="2">
      <t>バンゴウ</t>
    </rPh>
    <phoneticPr fontId="1"/>
  </si>
  <si>
    <t>氏名</t>
    <rPh sb="0" eb="2">
      <t>シメイ</t>
    </rPh>
    <phoneticPr fontId="1"/>
  </si>
  <si>
    <t>年齢</t>
    <rPh sb="0" eb="2">
      <t>ネンレイ</t>
    </rPh>
    <phoneticPr fontId="1"/>
  </si>
  <si>
    <t>入所年月日</t>
    <rPh sb="0" eb="2">
      <t>ニュウショ</t>
    </rPh>
    <rPh sb="2" eb="5">
      <t>ネンガッピ</t>
    </rPh>
    <phoneticPr fontId="1"/>
  </si>
  <si>
    <t>前年度の施設入所者等の状況</t>
    <rPh sb="0" eb="3">
      <t>ゼンネンド</t>
    </rPh>
    <rPh sb="4" eb="6">
      <t>シセツ</t>
    </rPh>
    <rPh sb="6" eb="9">
      <t>ニュウショシャ</t>
    </rPh>
    <rPh sb="9" eb="10">
      <t>トウ</t>
    </rPh>
    <rPh sb="11" eb="13">
      <t>ジョウキョウ</t>
    </rPh>
    <phoneticPr fontId="1"/>
  </si>
  <si>
    <t>月</t>
    <rPh sb="0" eb="1">
      <t>ツキ</t>
    </rPh>
    <phoneticPr fontId="1"/>
  </si>
  <si>
    <t>日数
（Ａ）</t>
    <rPh sb="0" eb="2">
      <t>ニッスウ</t>
    </rPh>
    <phoneticPr fontId="1"/>
  </si>
  <si>
    <t>一般入所者</t>
    <rPh sb="0" eb="2">
      <t>イッパン</t>
    </rPh>
    <rPh sb="2" eb="5">
      <t>ニュウショシャ</t>
    </rPh>
    <phoneticPr fontId="1"/>
  </si>
  <si>
    <t>特定施設サービス利用者</t>
    <rPh sb="0" eb="2">
      <t>トクテイ</t>
    </rPh>
    <rPh sb="2" eb="4">
      <t>シセツ</t>
    </rPh>
    <rPh sb="8" eb="11">
      <t>リヨウシャ</t>
    </rPh>
    <phoneticPr fontId="1"/>
  </si>
  <si>
    <t>計</t>
    <rPh sb="0" eb="1">
      <t>ケイ</t>
    </rPh>
    <phoneticPr fontId="1"/>
  </si>
  <si>
    <r>
      <t>延べ入所者数</t>
    </r>
    <r>
      <rPr>
        <sz val="8"/>
        <rFont val="HGｺﾞｼｯｸM"/>
        <family val="3"/>
        <charset val="128"/>
      </rPr>
      <t>（Ｂ）</t>
    </r>
    <rPh sb="0" eb="1">
      <t>ノ</t>
    </rPh>
    <rPh sb="2" eb="5">
      <t>ニュウショシャ</t>
    </rPh>
    <rPh sb="5" eb="6">
      <t>スウ</t>
    </rPh>
    <phoneticPr fontId="1"/>
  </si>
  <si>
    <r>
      <t>平均入所者数</t>
    </r>
    <r>
      <rPr>
        <sz val="8"/>
        <rFont val="HGｺﾞｼｯｸM"/>
        <family val="3"/>
        <charset val="128"/>
      </rPr>
      <t>（Ｂ／Ａ）</t>
    </r>
    <rPh sb="0" eb="2">
      <t>ヘイキン</t>
    </rPh>
    <rPh sb="2" eb="5">
      <t>ニュウショシャ</t>
    </rPh>
    <rPh sb="5" eb="6">
      <t>スウ</t>
    </rPh>
    <phoneticPr fontId="1"/>
  </si>
  <si>
    <r>
      <t>延べ入所者数</t>
    </r>
    <r>
      <rPr>
        <sz val="8"/>
        <rFont val="HGｺﾞｼｯｸM"/>
        <family val="3"/>
        <charset val="128"/>
      </rPr>
      <t>（Ｃ）</t>
    </r>
    <rPh sb="0" eb="1">
      <t>ノ</t>
    </rPh>
    <rPh sb="2" eb="4">
      <t>ニュウショ</t>
    </rPh>
    <rPh sb="4" eb="5">
      <t>シャ</t>
    </rPh>
    <rPh sb="5" eb="6">
      <t>スウ</t>
    </rPh>
    <phoneticPr fontId="1"/>
  </si>
  <si>
    <r>
      <t>平均入所者数</t>
    </r>
    <r>
      <rPr>
        <sz val="8"/>
        <rFont val="HGｺﾞｼｯｸM"/>
        <family val="3"/>
        <charset val="128"/>
      </rPr>
      <t>（Ｃ／Ａ）</t>
    </r>
    <rPh sb="0" eb="2">
      <t>ヘイキン</t>
    </rPh>
    <rPh sb="2" eb="4">
      <t>ニュウショ</t>
    </rPh>
    <rPh sb="4" eb="5">
      <t>シャ</t>
    </rPh>
    <rPh sb="5" eb="6">
      <t>スウ</t>
    </rPh>
    <phoneticPr fontId="1"/>
  </si>
  <si>
    <r>
      <t xml:space="preserve">延べ入所者数
</t>
    </r>
    <r>
      <rPr>
        <sz val="8"/>
        <rFont val="HGｺﾞｼｯｸM"/>
        <family val="3"/>
        <charset val="128"/>
      </rPr>
      <t>（Ｄ：Ｂ＋Ｃ）</t>
    </r>
    <rPh sb="0" eb="1">
      <t>ノ</t>
    </rPh>
    <rPh sb="2" eb="4">
      <t>ニュウショ</t>
    </rPh>
    <rPh sb="5" eb="6">
      <t>スウ</t>
    </rPh>
    <phoneticPr fontId="1"/>
  </si>
  <si>
    <r>
      <t xml:space="preserve">平均入所者数
</t>
    </r>
    <r>
      <rPr>
        <sz val="8"/>
        <rFont val="HGｺﾞｼｯｸM"/>
        <family val="3"/>
        <charset val="128"/>
      </rPr>
      <t>（Ｄ／Ａ）</t>
    </r>
    <rPh sb="0" eb="2">
      <t>ヘイキン</t>
    </rPh>
    <rPh sb="2" eb="4">
      <t>ニュウショ</t>
    </rPh>
    <rPh sb="5" eb="6">
      <t>スウ</t>
    </rPh>
    <phoneticPr fontId="1"/>
  </si>
  <si>
    <t>４月</t>
    <rPh sb="1" eb="2">
      <t>ガツ</t>
    </rPh>
    <phoneticPr fontId="1"/>
  </si>
  <si>
    <t>５月</t>
  </si>
  <si>
    <t>６月</t>
  </si>
  <si>
    <t>７月</t>
  </si>
  <si>
    <t>８月</t>
  </si>
  <si>
    <t>９月</t>
  </si>
  <si>
    <t>１０月</t>
  </si>
  <si>
    <t>１１月</t>
  </si>
  <si>
    <t>１２月</t>
  </si>
  <si>
    <t>１月</t>
  </si>
  <si>
    <t>２月</t>
  </si>
  <si>
    <t>３月</t>
  </si>
  <si>
    <t>合計</t>
    <rPh sb="0" eb="2">
      <t>ゴウケイ</t>
    </rPh>
    <phoneticPr fontId="1"/>
  </si>
  <si>
    <t>※　記入上の留意事項</t>
    <rPh sb="2" eb="4">
      <t>キニュウ</t>
    </rPh>
    <rPh sb="4" eb="5">
      <t>ジョウ</t>
    </rPh>
    <rPh sb="6" eb="8">
      <t>リュウイ</t>
    </rPh>
    <rPh sb="8" eb="10">
      <t>ジコウ</t>
    </rPh>
    <phoneticPr fontId="1"/>
  </si>
  <si>
    <t>　１　延べ入所者数は、入所した日を含み、退所した日は含まないこと。</t>
    <rPh sb="3" eb="4">
      <t>ノ</t>
    </rPh>
    <rPh sb="5" eb="8">
      <t>ニュウショシャ</t>
    </rPh>
    <rPh sb="8" eb="9">
      <t>スウ</t>
    </rPh>
    <rPh sb="11" eb="13">
      <t>ニュウショ</t>
    </rPh>
    <rPh sb="15" eb="16">
      <t>ヒ</t>
    </rPh>
    <rPh sb="17" eb="18">
      <t>フク</t>
    </rPh>
    <rPh sb="20" eb="22">
      <t>タイショ</t>
    </rPh>
    <rPh sb="24" eb="25">
      <t>ヒ</t>
    </rPh>
    <rPh sb="26" eb="27">
      <t>フク</t>
    </rPh>
    <phoneticPr fontId="1"/>
  </si>
  <si>
    <t>　　　また、入院・外泊期間中の入所者を除いて差し支えないこと。</t>
    <rPh sb="6" eb="8">
      <t>ニュウイン</t>
    </rPh>
    <rPh sb="9" eb="11">
      <t>ガイハク</t>
    </rPh>
    <rPh sb="11" eb="14">
      <t>キカンチュウ</t>
    </rPh>
    <rPh sb="15" eb="18">
      <t>ニュウショシャ</t>
    </rPh>
    <rPh sb="19" eb="20">
      <t>ノゾ</t>
    </rPh>
    <rPh sb="22" eb="23">
      <t>サ</t>
    </rPh>
    <rPh sb="24" eb="25">
      <t>ツカ</t>
    </rPh>
    <phoneticPr fontId="1"/>
  </si>
  <si>
    <t>　２　平均入所者数は、小数点第２位以下を切り上げること。</t>
    <rPh sb="3" eb="5">
      <t>ヘイキン</t>
    </rPh>
    <rPh sb="5" eb="8">
      <t>ニュウショシャ</t>
    </rPh>
    <rPh sb="8" eb="9">
      <t>スウ</t>
    </rPh>
    <rPh sb="11" eb="14">
      <t>ショウスウテン</t>
    </rPh>
    <rPh sb="14" eb="15">
      <t>ダイ</t>
    </rPh>
    <rPh sb="16" eb="17">
      <t>イ</t>
    </rPh>
    <rPh sb="17" eb="19">
      <t>イカ</t>
    </rPh>
    <rPh sb="20" eb="21">
      <t>キ</t>
    </rPh>
    <rPh sb="22" eb="23">
      <t>ア</t>
    </rPh>
    <phoneticPr fontId="1"/>
  </si>
  <si>
    <t>　３　エクセルで作成する場合、合計欄及び平均入所者数欄は、自動計算されるため入力不要。</t>
    <rPh sb="8" eb="10">
      <t>サクセイ</t>
    </rPh>
    <rPh sb="12" eb="14">
      <t>バアイ</t>
    </rPh>
    <rPh sb="15" eb="17">
      <t>ゴウケイ</t>
    </rPh>
    <rPh sb="17" eb="18">
      <t>ラン</t>
    </rPh>
    <rPh sb="18" eb="19">
      <t>オヨ</t>
    </rPh>
    <rPh sb="20" eb="22">
      <t>ヘイキン</t>
    </rPh>
    <rPh sb="22" eb="25">
      <t>ニュウショシャ</t>
    </rPh>
    <rPh sb="25" eb="26">
      <t>スウ</t>
    </rPh>
    <rPh sb="26" eb="27">
      <t>ラン</t>
    </rPh>
    <rPh sb="29" eb="31">
      <t>ジドウ</t>
    </rPh>
    <rPh sb="31" eb="33">
      <t>ケイサン</t>
    </rPh>
    <rPh sb="38" eb="40">
      <t>ニュウリョク</t>
    </rPh>
    <rPh sb="40" eb="42">
      <t>フヨウ</t>
    </rPh>
    <phoneticPr fontId="1"/>
  </si>
  <si>
    <t>防災訓練の実施状況（前年度及び今年度）</t>
    <rPh sb="0" eb="2">
      <t>ボウサイ</t>
    </rPh>
    <rPh sb="2" eb="4">
      <t>クンレン</t>
    </rPh>
    <rPh sb="5" eb="7">
      <t>ジッシ</t>
    </rPh>
    <rPh sb="7" eb="9">
      <t>ジョウキョウ</t>
    </rPh>
    <rPh sb="10" eb="13">
      <t>ゼンネンド</t>
    </rPh>
    <rPh sb="13" eb="14">
      <t>オヨ</t>
    </rPh>
    <rPh sb="15" eb="18">
      <t>コンネンド</t>
    </rPh>
    <phoneticPr fontId="1"/>
  </si>
  <si>
    <t>実施（予定）日</t>
    <rPh sb="0" eb="2">
      <t>ジッシ</t>
    </rPh>
    <rPh sb="3" eb="5">
      <t>ヨテイ</t>
    </rPh>
    <rPh sb="6" eb="7">
      <t>ヒ</t>
    </rPh>
    <phoneticPr fontId="1"/>
  </si>
  <si>
    <t>想定した災害</t>
    <rPh sb="0" eb="2">
      <t>ソウテイ</t>
    </rPh>
    <rPh sb="4" eb="6">
      <t>サイガイ</t>
    </rPh>
    <phoneticPr fontId="1"/>
  </si>
  <si>
    <t>内容</t>
    <rPh sb="0" eb="2">
      <t>ナイヨウ</t>
    </rPh>
    <phoneticPr fontId="1"/>
  </si>
  <si>
    <t>夜間想定</t>
    <rPh sb="0" eb="2">
      <t>ヤカン</t>
    </rPh>
    <rPh sb="2" eb="4">
      <t>ソウテイ</t>
    </rPh>
    <phoneticPr fontId="1"/>
  </si>
  <si>
    <t>消防機関への届出</t>
    <rPh sb="0" eb="2">
      <t>ショウボウ</t>
    </rPh>
    <rPh sb="2" eb="4">
      <t>キカン</t>
    </rPh>
    <rPh sb="6" eb="8">
      <t>トドケデ</t>
    </rPh>
    <phoneticPr fontId="1"/>
  </si>
  <si>
    <t>消防機関の立会い</t>
    <rPh sb="0" eb="2">
      <t>ショウボウ</t>
    </rPh>
    <rPh sb="2" eb="4">
      <t>キカン</t>
    </rPh>
    <rPh sb="5" eb="7">
      <t>タチア</t>
    </rPh>
    <phoneticPr fontId="1"/>
  </si>
  <si>
    <t>地域住民の参加</t>
    <rPh sb="0" eb="2">
      <t>チイキ</t>
    </rPh>
    <rPh sb="2" eb="4">
      <t>ジュウミン</t>
    </rPh>
    <rPh sb="5" eb="7">
      <t>サンカ</t>
    </rPh>
    <phoneticPr fontId="1"/>
  </si>
  <si>
    <t>風水害</t>
    <rPh sb="0" eb="3">
      <t>フウスイガイ</t>
    </rPh>
    <phoneticPr fontId="1"/>
  </si>
  <si>
    <t>火山</t>
    <rPh sb="0" eb="2">
      <t>カザン</t>
    </rPh>
    <phoneticPr fontId="1"/>
  </si>
  <si>
    <t>その他</t>
    <rPh sb="2" eb="3">
      <t>タ</t>
    </rPh>
    <phoneticPr fontId="1"/>
  </si>
  <si>
    <t>避難</t>
    <rPh sb="0" eb="2">
      <t>ヒナン</t>
    </rPh>
    <phoneticPr fontId="1"/>
  </si>
  <si>
    <t>消火</t>
    <rPh sb="0" eb="2">
      <t>ショウカ</t>
    </rPh>
    <phoneticPr fontId="1"/>
  </si>
  <si>
    <t>通報</t>
    <rPh sb="0" eb="2">
      <t>ツウホウ</t>
    </rPh>
    <phoneticPr fontId="1"/>
  </si>
  <si>
    <t>　　　　　備及び運営に関する基準について」（最終改正：令和6年3月29日付け老発0329第14号）</t>
    <phoneticPr fontId="1"/>
  </si>
  <si>
    <t>◎基準条例第11条
1 軽費老人ホームに置くべき職員及びその員数は、次のとおりとする。
　(1) 施設長　1人
4 第1項第1号の施設長は、専らその職務に従事する常勤の者でなければならない。ただし、当該軽費老人ホームの管理
　上支障がない場合は、他の事業所、施設等の職務に従事することができる。</t>
    <phoneticPr fontId="1"/>
  </si>
  <si>
    <t>◎基準条例第9条
1 軽費老人ホームは、設備、職員及び会計に関する諸記録を整備しておかなければならない。
2 軽費老人ホームは、入所者に提供するサービスの状況に関する次の各号に掲げる記録を整備し、その完結の日から5
　年間保存しなければならない。
　(1) 入所者に提供するサービスに関する計画
　(2) 提供した具体的なサービスの内容等の記録
　(3) 第17条第4項の規定による身体的拘束等の態様及び時間、その際の入所者の心身の状況並びに緊急やむを得ない理
　　由の記録
　(4) 第31条第2項の規定による苦情の内容等の記録
　(5) 第33条第3項の規定による事故の状況及び事故に際して採った処置についての記録</t>
    <rPh sb="186" eb="188">
      <t>キテイ</t>
    </rPh>
    <rPh sb="251" eb="253">
      <t>キテイ</t>
    </rPh>
    <rPh sb="279" eb="281">
      <t>キテイ</t>
    </rPh>
    <phoneticPr fontId="1"/>
  </si>
  <si>
    <t>◎基準条例第11条
1 軽費老人ホームに置くべき職員及びその員数は、次のとおりとする。
　(3) 介護職員
　　ア　一般入所者（入所者であって、指定特定施設入居者生活介護（鹿児島市指定居宅サービス等の事業の人員、設
　　　備及び運営の基準に関する条例（平成24年条例第43号）第216条第1項に規定する指定特定施設入居者生活介護を
　　　いう。以下同じ。）、指定介護予防特定施設入居者生活介護（鹿児島市指定介護予防サービス等の事業の人員、
　　　設備及び運営並びに指定介護予防サービス等に係る介護予防のための効果的な支援の方法の基準に関する条例（
　　　平成24年条例第44号）第202条第1項に規定する指定介護予防特定施設入居者生活介護をいう。以下同じ。）又は
　　　指定地域密着型特定施設入居者生活介護（鹿児島市指定地域密着型サービスの事業の人員、設備及び運営の基準
　　　に関する条例（平成24年条例第45号）第129条第1項に規定する指定地域密着型特定施設入居者生活介護をいう。
　　　以下同じ。）の提供を受けていない者をいう。以下同じ。）が30人以下の軽費老人ホームにあっては、常勤換算
　　　方法で、1人以上
　　イ　一般入所者が30人を超えて80人以下の軽費老人ホームにあっては、常勤換算方法で、2人以上
　　ウ　一般入所者が80人を超える軽費老人ホームにあっては、常勤換算方法で、2人に実情に応じた適当数を加えて
　　　得た数
7 第1項第3号の介護職員のうち1人以上は、常勤の者でなければならない。
8 第1項第3号の介護職員は、入所者の身体機能の状況、併設する社会福祉施設等との連携、介護保険サービス等の活用
　その他の方法により当該軽費老人ホームの効果的な運営を期待することができる場合であって、入所者に提供するサ
　ービスに支障がないときは、あらかじめ入所者の全員の同意を得て、当該介護職員のうち1人を置かないことができ
　る。
○解釈通知第3-1-(6)
・第8項の取扱いに当たっては、あらかじめ、介護職員のうち1名を置かないこととすることに伴う職員配置状況やサー
　ビスの内容等について十分に説明を行い、全ての入所者から同意を得ることが必要である。
・同意については、入所者及び軽費老人ホーム双方の保護の立場から書面によって確認することが望ましい。
・介護職員のうち1名を置かないこととした後に入所する者については、入所契約に当たり、あらかじめ、当該サービ
　スの内容、職員配置状況について十分に説明を行い、同意を得ることが必要である。</t>
    <rPh sb="828" eb="832">
      <t>カイシャクツウチ</t>
    </rPh>
    <rPh sb="832" eb="833">
      <t>ダイ</t>
    </rPh>
    <rPh sb="842" eb="843">
      <t>ダイ</t>
    </rPh>
    <rPh sb="844" eb="845">
      <t>コウ</t>
    </rPh>
    <rPh sb="846" eb="848">
      <t>トリアツカ</t>
    </rPh>
    <rPh sb="850" eb="851">
      <t>ア</t>
    </rPh>
    <rPh sb="862" eb="864">
      <t>カイゴ</t>
    </rPh>
    <rPh sb="864" eb="866">
      <t>ショクイン</t>
    </rPh>
    <rPh sb="870" eb="871">
      <t>メイ</t>
    </rPh>
    <rPh sb="872" eb="873">
      <t>オ</t>
    </rPh>
    <rPh sb="884" eb="885">
      <t>トモナ</t>
    </rPh>
    <rPh sb="886" eb="892">
      <t>ショクインハイチジョウキョウ</t>
    </rPh>
    <rPh sb="900" eb="902">
      <t>ナイヨウ</t>
    </rPh>
    <rPh sb="902" eb="903">
      <t>トウ</t>
    </rPh>
    <rPh sb="907" eb="909">
      <t>ジュウブン</t>
    </rPh>
    <rPh sb="910" eb="912">
      <t>セツメイ</t>
    </rPh>
    <rPh sb="913" eb="914">
      <t>オコナ</t>
    </rPh>
    <rPh sb="916" eb="917">
      <t>スベ</t>
    </rPh>
    <rPh sb="919" eb="922">
      <t>ニュウショシャ</t>
    </rPh>
    <rPh sb="924" eb="926">
      <t>ドウイ</t>
    </rPh>
    <rPh sb="927" eb="928">
      <t>ウ</t>
    </rPh>
    <rPh sb="932" eb="934">
      <t>ヒツヨウ</t>
    </rPh>
    <rPh sb="940" eb="942">
      <t>ドウイ</t>
    </rPh>
    <rPh sb="948" eb="951">
      <t>ニュウショシャ</t>
    </rPh>
    <rPh sb="951" eb="952">
      <t>オヨ</t>
    </rPh>
    <rPh sb="953" eb="955">
      <t>ケイヒ</t>
    </rPh>
    <rPh sb="955" eb="957">
      <t>ロウジン</t>
    </rPh>
    <rPh sb="960" eb="962">
      <t>ソウホウ</t>
    </rPh>
    <rPh sb="963" eb="965">
      <t>ホゴ</t>
    </rPh>
    <rPh sb="966" eb="968">
      <t>タチバ</t>
    </rPh>
    <rPh sb="970" eb="972">
      <t>ショメン</t>
    </rPh>
    <rPh sb="976" eb="978">
      <t>カクニン</t>
    </rPh>
    <rPh sb="983" eb="984">
      <t>ノゾ</t>
    </rPh>
    <rPh sb="990" eb="992">
      <t>カイゴ</t>
    </rPh>
    <rPh sb="992" eb="994">
      <t>ショクイン</t>
    </rPh>
    <rPh sb="998" eb="999">
      <t>メイ</t>
    </rPh>
    <rPh sb="1000" eb="1001">
      <t>オ</t>
    </rPh>
    <rPh sb="1009" eb="1010">
      <t>ノチ</t>
    </rPh>
    <rPh sb="1011" eb="1013">
      <t>ニュウショ</t>
    </rPh>
    <rPh sb="1015" eb="1016">
      <t>モノ</t>
    </rPh>
    <rPh sb="1022" eb="1024">
      <t>ニュウショ</t>
    </rPh>
    <rPh sb="1024" eb="1026">
      <t>ケイヤク</t>
    </rPh>
    <rPh sb="1027" eb="1028">
      <t>ア</t>
    </rPh>
    <rPh sb="1037" eb="1039">
      <t>トウガイ</t>
    </rPh>
    <rPh sb="1046" eb="1048">
      <t>ナイヨウ</t>
    </rPh>
    <rPh sb="1049" eb="1051">
      <t>ショクイン</t>
    </rPh>
    <rPh sb="1051" eb="1053">
      <t>ハイチ</t>
    </rPh>
    <rPh sb="1053" eb="1055">
      <t>ジョウキョウ</t>
    </rPh>
    <rPh sb="1059" eb="1061">
      <t>ジュウブン</t>
    </rPh>
    <rPh sb="1062" eb="1064">
      <t>セツメイ</t>
    </rPh>
    <rPh sb="1065" eb="1066">
      <t>オコナ</t>
    </rPh>
    <rPh sb="1068" eb="1070">
      <t>ドウイ</t>
    </rPh>
    <rPh sb="1071" eb="1072">
      <t>ウ</t>
    </rPh>
    <rPh sb="1076" eb="1078">
      <t>ヒツヨウ</t>
    </rPh>
    <phoneticPr fontId="1"/>
  </si>
  <si>
    <t>◎基準条例第11条第13項
　夜間及び深夜の時間帯を通じて1人以上の職員に宿直勤務又は夜間及び深夜の勤務（宿直勤務を除く。）を行わせな
　ければならない。ただし、当該軽費老人ホームの敷地内に職員宿舎が整備されていること等により、職員が緊急時に
　迅速に対応できる体制が整備されている場合は、この限りでない。
○解釈通知第3-1-(8)
　第13項の取扱いに当たっては、「社会福祉施設における防火安全対策の強化について」（昭和62年9月18日社施第107
　号社会局長、児童家庭局長連名通知」及び「社会福祉施設における宿直勤務の取扱いについて」（昭和49年8月20日
　社施第160号社会局施設課長、児童家庭局企画課長連名通知）に準じて適切に行うこと。</t>
    <rPh sb="1" eb="5">
      <t>キジュンジョウレイ</t>
    </rPh>
    <rPh sb="5" eb="6">
      <t>ダイ</t>
    </rPh>
    <rPh sb="8" eb="9">
      <t>ジョウ</t>
    </rPh>
    <rPh sb="9" eb="10">
      <t>ダイ</t>
    </rPh>
    <rPh sb="12" eb="13">
      <t>コウ</t>
    </rPh>
    <rPh sb="155" eb="157">
      <t>カイシャク</t>
    </rPh>
    <rPh sb="157" eb="159">
      <t>ツウチ</t>
    </rPh>
    <rPh sb="159" eb="160">
      <t>ダイ</t>
    </rPh>
    <rPh sb="169" eb="170">
      <t>ダイ</t>
    </rPh>
    <rPh sb="172" eb="173">
      <t>コウ</t>
    </rPh>
    <rPh sb="174" eb="176">
      <t>トリアツカ</t>
    </rPh>
    <rPh sb="178" eb="179">
      <t>ア</t>
    </rPh>
    <rPh sb="185" eb="187">
      <t>シャカイ</t>
    </rPh>
    <rPh sb="187" eb="189">
      <t>フクシ</t>
    </rPh>
    <rPh sb="189" eb="191">
      <t>シセツ</t>
    </rPh>
    <rPh sb="195" eb="197">
      <t>ボウカ</t>
    </rPh>
    <rPh sb="197" eb="199">
      <t>アンゼン</t>
    </rPh>
    <rPh sb="199" eb="201">
      <t>タイサク</t>
    </rPh>
    <rPh sb="202" eb="204">
      <t>キョウカ</t>
    </rPh>
    <rPh sb="210" eb="212">
      <t>ショウワ</t>
    </rPh>
    <rPh sb="214" eb="215">
      <t>ネン</t>
    </rPh>
    <rPh sb="216" eb="217">
      <t>ガツ</t>
    </rPh>
    <rPh sb="219" eb="220">
      <t>ニチ</t>
    </rPh>
    <rPh sb="220" eb="221">
      <t>シャ</t>
    </rPh>
    <phoneticPr fontId="1"/>
  </si>
  <si>
    <t>○解釈通知第5-11-(4)（第4項関係）
【事業者が講ずべき措置の具体的内容】
・事業主が職場における性的な言動に起因する問題に関して雇用管理上講ずべき措置等についての指針（平成18年厚生
　労働省告示第615号）及び事業主が職場における優越的な関係を背景とした言動に起因する問題に関して雇用管理上
　講ずべき措置等についての指針（令和2年厚生労働省告示第5号。以下「パワーハラスメント指針」という。）におい
　て規定されているとおりである。
・特に留意されたい事項は以下のとおりである。
　①事業者の方針等の明確化及びその周知・啓発
　　職場におけるハラスメントの内容及び職場におけるハラスメントを行ってはならない旨の方針を明確化し、職員に
　　周知・啓発すること。
　②相談・苦情に応じ、適切に対応するために必要な体制の整備
　　相談・苦情に対応する担当者をあらかじめ定めること等により、相談への対応のための窓口をあらかじめ定め、職
　　員に周知すること。</t>
    <rPh sb="1" eb="3">
      <t>カイシャク</t>
    </rPh>
    <rPh sb="3" eb="5">
      <t>ツウチ</t>
    </rPh>
    <rPh sb="5" eb="6">
      <t>ダイ</t>
    </rPh>
    <rPh sb="15" eb="16">
      <t>ダイ</t>
    </rPh>
    <rPh sb="17" eb="18">
      <t>コウ</t>
    </rPh>
    <rPh sb="18" eb="20">
      <t>カンケイ</t>
    </rPh>
    <rPh sb="23" eb="26">
      <t>ジギョウシャ</t>
    </rPh>
    <rPh sb="27" eb="28">
      <t>コウ</t>
    </rPh>
    <rPh sb="31" eb="33">
      <t>ソチ</t>
    </rPh>
    <rPh sb="34" eb="36">
      <t>グタイ</t>
    </rPh>
    <rPh sb="36" eb="37">
      <t>テキ</t>
    </rPh>
    <rPh sb="37" eb="39">
      <t>ナイヨウ</t>
    </rPh>
    <rPh sb="42" eb="44">
      <t>ジギョウ</t>
    </rPh>
    <rPh sb="44" eb="45">
      <t>ヌシ</t>
    </rPh>
    <rPh sb="46" eb="48">
      <t>ショクバ</t>
    </rPh>
    <rPh sb="52" eb="54">
      <t>セイテキ</t>
    </rPh>
    <rPh sb="55" eb="57">
      <t>ゲンドウ</t>
    </rPh>
    <rPh sb="58" eb="60">
      <t>キイン</t>
    </rPh>
    <rPh sb="62" eb="64">
      <t>モンダイ</t>
    </rPh>
    <rPh sb="65" eb="66">
      <t>カン</t>
    </rPh>
    <rPh sb="68" eb="70">
      <t>コヨウ</t>
    </rPh>
    <rPh sb="70" eb="72">
      <t>カンリ</t>
    </rPh>
    <rPh sb="72" eb="73">
      <t>ジョウ</t>
    </rPh>
    <rPh sb="73" eb="74">
      <t>コウ</t>
    </rPh>
    <rPh sb="77" eb="79">
      <t>ソチ</t>
    </rPh>
    <rPh sb="79" eb="80">
      <t>トウ</t>
    </rPh>
    <rPh sb="85" eb="87">
      <t>シシン</t>
    </rPh>
    <rPh sb="88" eb="90">
      <t>ヘイセイ</t>
    </rPh>
    <rPh sb="92" eb="93">
      <t>ネン</t>
    </rPh>
    <rPh sb="93" eb="95">
      <t>コウセイ</t>
    </rPh>
    <rPh sb="97" eb="100">
      <t>ロウドウショウ</t>
    </rPh>
    <rPh sb="100" eb="102">
      <t>コクジ</t>
    </rPh>
    <rPh sb="102" eb="103">
      <t>ダイ</t>
    </rPh>
    <rPh sb="106" eb="107">
      <t>ゴウ</t>
    </rPh>
    <rPh sb="108" eb="109">
      <t>オヨ</t>
    </rPh>
    <rPh sb="110" eb="112">
      <t>ジギョウ</t>
    </rPh>
    <rPh sb="112" eb="113">
      <t>ヌシ</t>
    </rPh>
    <rPh sb="114" eb="116">
      <t>ショクバ</t>
    </rPh>
    <rPh sb="120" eb="123">
      <t>ユウエツテキ</t>
    </rPh>
    <rPh sb="124" eb="126">
      <t>カンケイ</t>
    </rPh>
    <rPh sb="127" eb="129">
      <t>ハイケイ</t>
    </rPh>
    <rPh sb="132" eb="134">
      <t>ゲンドウ</t>
    </rPh>
    <rPh sb="135" eb="137">
      <t>キイン</t>
    </rPh>
    <rPh sb="139" eb="141">
      <t>モンダイ</t>
    </rPh>
    <rPh sb="142" eb="143">
      <t>カン</t>
    </rPh>
    <rPh sb="145" eb="147">
      <t>コヨウ</t>
    </rPh>
    <rPh sb="147" eb="149">
      <t>カンリ</t>
    </rPh>
    <rPh sb="149" eb="150">
      <t>ジョウ</t>
    </rPh>
    <rPh sb="152" eb="153">
      <t>コウ</t>
    </rPh>
    <rPh sb="156" eb="158">
      <t>ソチ</t>
    </rPh>
    <rPh sb="158" eb="159">
      <t>トウ</t>
    </rPh>
    <rPh sb="164" eb="166">
      <t>シシン</t>
    </rPh>
    <rPh sb="167" eb="169">
      <t>レイワ</t>
    </rPh>
    <rPh sb="170" eb="171">
      <t>ネン</t>
    </rPh>
    <rPh sb="171" eb="176">
      <t>コウセイロウドウショウ</t>
    </rPh>
    <rPh sb="176" eb="178">
      <t>コクジ</t>
    </rPh>
    <rPh sb="178" eb="179">
      <t>ダイ</t>
    </rPh>
    <rPh sb="180" eb="181">
      <t>ゴウ</t>
    </rPh>
    <rPh sb="182" eb="184">
      <t>イカ</t>
    </rPh>
    <rPh sb="194" eb="196">
      <t>シシン</t>
    </rPh>
    <rPh sb="208" eb="210">
      <t>キテイ</t>
    </rPh>
    <rPh sb="224" eb="225">
      <t>トク</t>
    </rPh>
    <rPh sb="226" eb="228">
      <t>リュウイ</t>
    </rPh>
    <rPh sb="232" eb="234">
      <t>ジコウ</t>
    </rPh>
    <rPh sb="235" eb="237">
      <t>イカ</t>
    </rPh>
    <rPh sb="248" eb="251">
      <t>ジギョウシャ</t>
    </rPh>
    <rPh sb="252" eb="254">
      <t>ホウシン</t>
    </rPh>
    <rPh sb="254" eb="255">
      <t>トウ</t>
    </rPh>
    <rPh sb="256" eb="259">
      <t>メイカクカ</t>
    </rPh>
    <rPh sb="259" eb="260">
      <t>オヨ</t>
    </rPh>
    <rPh sb="263" eb="265">
      <t>シュウチ</t>
    </rPh>
    <rPh sb="266" eb="268">
      <t>ケイハツ</t>
    </rPh>
    <rPh sb="271" eb="273">
      <t>ショクバ</t>
    </rPh>
    <rPh sb="284" eb="286">
      <t>ナイヨウ</t>
    </rPh>
    <rPh sb="286" eb="287">
      <t>オヨ</t>
    </rPh>
    <rPh sb="288" eb="290">
      <t>ショクバ</t>
    </rPh>
    <rPh sb="301" eb="302">
      <t>オコナ</t>
    </rPh>
    <rPh sb="309" eb="310">
      <t>ムネ</t>
    </rPh>
    <rPh sb="311" eb="313">
      <t>ホウシン</t>
    </rPh>
    <rPh sb="314" eb="317">
      <t>メイカクカ</t>
    </rPh>
    <rPh sb="319" eb="321">
      <t>ショクイン</t>
    </rPh>
    <rPh sb="325" eb="327">
      <t>シュウチ</t>
    </rPh>
    <rPh sb="338" eb="340">
      <t>ソウダン</t>
    </rPh>
    <rPh sb="341" eb="343">
      <t>クジョウ</t>
    </rPh>
    <rPh sb="344" eb="345">
      <t>オウ</t>
    </rPh>
    <rPh sb="347" eb="349">
      <t>テキセツ</t>
    </rPh>
    <rPh sb="350" eb="352">
      <t>タイオウ</t>
    </rPh>
    <rPh sb="357" eb="359">
      <t>ヒツヨウ</t>
    </rPh>
    <rPh sb="360" eb="362">
      <t>タイセイ</t>
    </rPh>
    <rPh sb="363" eb="365">
      <t>セイビ</t>
    </rPh>
    <rPh sb="368" eb="370">
      <t>ソウダン</t>
    </rPh>
    <rPh sb="371" eb="373">
      <t>クジョウ</t>
    </rPh>
    <rPh sb="374" eb="376">
      <t>タイオウ</t>
    </rPh>
    <rPh sb="378" eb="381">
      <t>タントウシャ</t>
    </rPh>
    <rPh sb="387" eb="388">
      <t>サダ</t>
    </rPh>
    <rPh sb="392" eb="393">
      <t>トウ</t>
    </rPh>
    <rPh sb="397" eb="399">
      <t>ソウダン</t>
    </rPh>
    <rPh sb="401" eb="403">
      <t>タイオウ</t>
    </rPh>
    <rPh sb="407" eb="409">
      <t>マドグチ</t>
    </rPh>
    <rPh sb="415" eb="416">
      <t>サダ</t>
    </rPh>
    <rPh sb="424" eb="426">
      <t>シュウチ</t>
    </rPh>
    <phoneticPr fontId="1"/>
  </si>
  <si>
    <t>○解釈通知第5-12
・業務継続計画の策定、研修及び訓練の実施については、施設に実施が求められるものであるが、他の社会福祉施設・
　事業者との連携等により行うことも差し支えない。
・感染症や災害が発生した場合には、職員が連携し取り組むことが求められることから、研修及び訓練の実施に当たっ
　ては、全ての職員が参加できるようにすることが望ましい。</t>
    <rPh sb="29" eb="31">
      <t>ジッシ</t>
    </rPh>
    <phoneticPr fontId="1"/>
  </si>
  <si>
    <t>○解釈通知第5-13-(1)（第1項関係）
　次の点に留意すること。
　①調理及び配膳に伴う衛生は、食品衛生法等関係法規に準じて行われなければならない。
　　なお、食事の提供に使用する食器等の消毒も適正に行われなければならないこと。
　②水道法の適用されない小規模の水道についても、市営水道、専用水道等の場合と同様、水質検査、塩素消毒法等衛
　　生上必要な措置を講じること。
　③常に施設内外を清潔に保つとともに、毎年1回以上大掃除を行うこと。
　④食中毒及び感染症の発生を防止するための措置等について、必要に応じて保健所の助言、指導を求めるとともに、
　　常に密接な連携を保つこと。
　⑤特にインフルエンザ対策、腸管出血性大腸菌感染症対策、レジオネラ症対策等については、その発生及びまん延を
　　防止するための措置について、別途通知等が発出されているので、これに基づき、適切な措置を講じること。
　⑥空調設備等により施設内の適温の確保に努めること。</t>
    <rPh sb="1" eb="3">
      <t>カイシャク</t>
    </rPh>
    <rPh sb="3" eb="5">
      <t>ツウチ</t>
    </rPh>
    <rPh sb="5" eb="6">
      <t>ダイ</t>
    </rPh>
    <rPh sb="15" eb="16">
      <t>ダイ</t>
    </rPh>
    <rPh sb="17" eb="18">
      <t>コウ</t>
    </rPh>
    <rPh sb="18" eb="20">
      <t>カンケイ</t>
    </rPh>
    <rPh sb="23" eb="24">
      <t>ツギ</t>
    </rPh>
    <rPh sb="25" eb="26">
      <t>テン</t>
    </rPh>
    <rPh sb="27" eb="29">
      <t>リュウイ</t>
    </rPh>
    <rPh sb="37" eb="39">
      <t>チョウリ</t>
    </rPh>
    <rPh sb="39" eb="40">
      <t>オヨ</t>
    </rPh>
    <rPh sb="41" eb="43">
      <t>ハイゼン</t>
    </rPh>
    <rPh sb="44" eb="45">
      <t>トモナ</t>
    </rPh>
    <rPh sb="46" eb="48">
      <t>エイセイ</t>
    </rPh>
    <rPh sb="50" eb="52">
      <t>ショクヒン</t>
    </rPh>
    <rPh sb="52" eb="55">
      <t>エイセイホウ</t>
    </rPh>
    <rPh sb="55" eb="56">
      <t>トウ</t>
    </rPh>
    <rPh sb="56" eb="58">
      <t>カンケイ</t>
    </rPh>
    <rPh sb="58" eb="60">
      <t>ホウキ</t>
    </rPh>
    <rPh sb="61" eb="62">
      <t>ジュン</t>
    </rPh>
    <rPh sb="64" eb="65">
      <t>オコナ</t>
    </rPh>
    <rPh sb="82" eb="84">
      <t>ショクジ</t>
    </rPh>
    <rPh sb="85" eb="87">
      <t>テイキョウ</t>
    </rPh>
    <rPh sb="88" eb="90">
      <t>シヨウ</t>
    </rPh>
    <rPh sb="92" eb="94">
      <t>ショッキ</t>
    </rPh>
    <rPh sb="94" eb="95">
      <t>トウ</t>
    </rPh>
    <rPh sb="96" eb="98">
      <t>ショウドク</t>
    </rPh>
    <rPh sb="99" eb="101">
      <t>テキセイ</t>
    </rPh>
    <rPh sb="102" eb="103">
      <t>オコナ</t>
    </rPh>
    <rPh sb="119" eb="121">
      <t>スイドウ</t>
    </rPh>
    <rPh sb="121" eb="122">
      <t>ホウ</t>
    </rPh>
    <rPh sb="123" eb="125">
      <t>テキヨウ</t>
    </rPh>
    <rPh sb="129" eb="132">
      <t>ショウキボ</t>
    </rPh>
    <rPh sb="133" eb="135">
      <t>スイドウ</t>
    </rPh>
    <rPh sb="141" eb="143">
      <t>シエイ</t>
    </rPh>
    <rPh sb="143" eb="145">
      <t>スイドウ</t>
    </rPh>
    <rPh sb="146" eb="148">
      <t>センヨウ</t>
    </rPh>
    <rPh sb="148" eb="150">
      <t>スイドウ</t>
    </rPh>
    <rPh sb="150" eb="151">
      <t>トウ</t>
    </rPh>
    <rPh sb="152" eb="154">
      <t>バアイ</t>
    </rPh>
    <rPh sb="155" eb="157">
      <t>ドウヨウ</t>
    </rPh>
    <rPh sb="158" eb="160">
      <t>スイシツ</t>
    </rPh>
    <rPh sb="160" eb="162">
      <t>ケンサ</t>
    </rPh>
    <rPh sb="163" eb="165">
      <t>エンソ</t>
    </rPh>
    <rPh sb="165" eb="167">
      <t>ショウドク</t>
    </rPh>
    <rPh sb="167" eb="168">
      <t>ホウ</t>
    </rPh>
    <rPh sb="168" eb="169">
      <t>トウ</t>
    </rPh>
    <rPh sb="174" eb="175">
      <t>ジョウ</t>
    </rPh>
    <rPh sb="175" eb="177">
      <t>ヒツヨウ</t>
    </rPh>
    <rPh sb="178" eb="180">
      <t>ソチ</t>
    </rPh>
    <rPh sb="181" eb="182">
      <t>コウ</t>
    </rPh>
    <rPh sb="190" eb="191">
      <t>ツネ</t>
    </rPh>
    <rPh sb="192" eb="194">
      <t>シセツ</t>
    </rPh>
    <rPh sb="194" eb="195">
      <t>ナイ</t>
    </rPh>
    <rPh sb="195" eb="196">
      <t>ガイ</t>
    </rPh>
    <rPh sb="197" eb="199">
      <t>セイケツ</t>
    </rPh>
    <rPh sb="200" eb="201">
      <t>タモ</t>
    </rPh>
    <rPh sb="207" eb="209">
      <t>マイトシ</t>
    </rPh>
    <rPh sb="210" eb="211">
      <t>カイ</t>
    </rPh>
    <rPh sb="211" eb="213">
      <t>イジョウ</t>
    </rPh>
    <rPh sb="213" eb="216">
      <t>オオソウジ</t>
    </rPh>
    <rPh sb="217" eb="218">
      <t>オコナ</t>
    </rPh>
    <rPh sb="225" eb="228">
      <t>ショクチュウドク</t>
    </rPh>
    <rPh sb="228" eb="229">
      <t>オヨ</t>
    </rPh>
    <rPh sb="230" eb="233">
      <t>カンセンショウ</t>
    </rPh>
    <rPh sb="234" eb="236">
      <t>ハッセイ</t>
    </rPh>
    <rPh sb="237" eb="239">
      <t>ボウシ</t>
    </rPh>
    <rPh sb="244" eb="246">
      <t>ソチ</t>
    </rPh>
    <rPh sb="246" eb="247">
      <t>トウ</t>
    </rPh>
    <rPh sb="252" eb="254">
      <t>ヒツヨウ</t>
    </rPh>
    <rPh sb="255" eb="256">
      <t>オウ</t>
    </rPh>
    <rPh sb="258" eb="261">
      <t>ホケンジョ</t>
    </rPh>
    <rPh sb="262" eb="264">
      <t>ジョゲン</t>
    </rPh>
    <rPh sb="265" eb="267">
      <t>シドウ</t>
    </rPh>
    <rPh sb="268" eb="269">
      <t>モト</t>
    </rPh>
    <rPh sb="279" eb="280">
      <t>ツネ</t>
    </rPh>
    <rPh sb="281" eb="283">
      <t>ミッセツ</t>
    </rPh>
    <rPh sb="284" eb="286">
      <t>レンケイ</t>
    </rPh>
    <rPh sb="287" eb="288">
      <t>タモ</t>
    </rPh>
    <rPh sb="295" eb="296">
      <t>トク</t>
    </rPh>
    <rPh sb="304" eb="306">
      <t>タイサク</t>
    </rPh>
    <rPh sb="307" eb="309">
      <t>チョウカン</t>
    </rPh>
    <rPh sb="309" eb="312">
      <t>シュッケツセイ</t>
    </rPh>
    <rPh sb="312" eb="315">
      <t>ダイチョウキン</t>
    </rPh>
    <rPh sb="315" eb="318">
      <t>カンセンショウ</t>
    </rPh>
    <rPh sb="318" eb="320">
      <t>タイサク</t>
    </rPh>
    <rPh sb="326" eb="327">
      <t>ショウ</t>
    </rPh>
    <rPh sb="327" eb="329">
      <t>タイサク</t>
    </rPh>
    <rPh sb="329" eb="330">
      <t>トウ</t>
    </rPh>
    <rPh sb="338" eb="340">
      <t>ハッセイ</t>
    </rPh>
    <rPh sb="340" eb="341">
      <t>オヨ</t>
    </rPh>
    <rPh sb="344" eb="345">
      <t>エン</t>
    </rPh>
    <rPh sb="349" eb="351">
      <t>ボウシ</t>
    </rPh>
    <rPh sb="356" eb="358">
      <t>ソチ</t>
    </rPh>
    <rPh sb="363" eb="365">
      <t>ベット</t>
    </rPh>
    <rPh sb="365" eb="367">
      <t>ツウチ</t>
    </rPh>
    <rPh sb="367" eb="368">
      <t>トウ</t>
    </rPh>
    <rPh sb="369" eb="371">
      <t>ハッシュツ</t>
    </rPh>
    <rPh sb="382" eb="383">
      <t>モト</t>
    </rPh>
    <rPh sb="386" eb="388">
      <t>テキセツ</t>
    </rPh>
    <rPh sb="389" eb="391">
      <t>ソチ</t>
    </rPh>
    <rPh sb="392" eb="393">
      <t>コウ</t>
    </rPh>
    <rPh sb="401" eb="403">
      <t>クウチョウ</t>
    </rPh>
    <rPh sb="403" eb="405">
      <t>セツビ</t>
    </rPh>
    <rPh sb="405" eb="406">
      <t>トウ</t>
    </rPh>
    <rPh sb="409" eb="411">
      <t>シセツ</t>
    </rPh>
    <rPh sb="411" eb="412">
      <t>ナイ</t>
    </rPh>
    <rPh sb="413" eb="415">
      <t>テキオン</t>
    </rPh>
    <rPh sb="416" eb="418">
      <t>カクホ</t>
    </rPh>
    <rPh sb="419" eb="420">
      <t>ツト</t>
    </rPh>
    <phoneticPr fontId="1"/>
  </si>
  <si>
    <t>◎基準条例第29条
1 軽費老人ホームの職員は、正当な理由がなく、その業務上知り得た入所者又はその家族の秘密を漏らしてはならな
　い。
2 軽費老人ホームは、職員であった者が、正当な理由がなく、その業務上知り得た入所者又はその家族の秘密を漏らす
　ことがないよう、必要な措置を講じなければならない。
○解釈通知第5-16
・軽費老人ホームは、当該軽費老人ホームの職員が職員でなくなった後においても業務上知り得た秘密を保持すべき旨
　を職員の雇用時等に取り決め、例えば違約金についての定めを置くなどの措置を講ずべきこととするものである。</t>
    <rPh sb="1" eb="5">
      <t>キジュンジョウレイ</t>
    </rPh>
    <rPh sb="151" eb="153">
      <t>カイシャク</t>
    </rPh>
    <rPh sb="153" eb="155">
      <t>ツウチ</t>
    </rPh>
    <rPh sb="155" eb="156">
      <t>ダイ</t>
    </rPh>
    <rPh sb="171" eb="173">
      <t>トウガイ</t>
    </rPh>
    <rPh sb="181" eb="183">
      <t>ショクイン</t>
    </rPh>
    <rPh sb="184" eb="186">
      <t>ショクイン</t>
    </rPh>
    <rPh sb="192" eb="193">
      <t>ノチ</t>
    </rPh>
    <rPh sb="198" eb="201">
      <t>ギョウムジョウ</t>
    </rPh>
    <rPh sb="201" eb="202">
      <t>シ</t>
    </rPh>
    <rPh sb="203" eb="204">
      <t>エ</t>
    </rPh>
    <rPh sb="205" eb="207">
      <t>ヒミツ</t>
    </rPh>
    <rPh sb="208" eb="210">
      <t>ホジ</t>
    </rPh>
    <rPh sb="213" eb="214">
      <t>ムネ</t>
    </rPh>
    <rPh sb="217" eb="219">
      <t>ショクイン</t>
    </rPh>
    <rPh sb="220" eb="222">
      <t>コヨウ</t>
    </rPh>
    <rPh sb="222" eb="223">
      <t>ジ</t>
    </rPh>
    <rPh sb="223" eb="224">
      <t>トウ</t>
    </rPh>
    <rPh sb="225" eb="226">
      <t>ト</t>
    </rPh>
    <rPh sb="227" eb="228">
      <t>キ</t>
    </rPh>
    <rPh sb="230" eb="231">
      <t>タト</t>
    </rPh>
    <rPh sb="233" eb="236">
      <t>イヤクキン</t>
    </rPh>
    <rPh sb="241" eb="242">
      <t>サダ</t>
    </rPh>
    <rPh sb="244" eb="245">
      <t>オ</t>
    </rPh>
    <rPh sb="249" eb="251">
      <t>ソチ</t>
    </rPh>
    <rPh sb="252" eb="253">
      <t>コウ</t>
    </rPh>
    <phoneticPr fontId="1"/>
  </si>
  <si>
    <t>○解釈通知第5-19
【事故発生の防止のための指針】
・次のような項目を盛り込むこと。
　①施設における介護事故の防止に関する基本的考え方
　②介護事故の防止のための委員会その他施設内の組織に関する事項
　③介護事故の防止のための職員研修に関する基本指針
　④施設内で発生した介護事故、ヒヤリ・ハット事例及び現状を放置しておくと介護事故に結びつく可能性が高いもの
　　の報告方法等の介護に係る安全の確保を目的とした改善のための方策に関する基本指針
　⑤介護事故等発生時の対応に関する基本指針
　⑥入所者等に対する当該指針の閲覧に関する基本指針
　⑦その他介護事故等の発生の防止の推進のために必要な基本指針</t>
    <rPh sb="1" eb="3">
      <t>カイシャク</t>
    </rPh>
    <rPh sb="3" eb="5">
      <t>ツウチ</t>
    </rPh>
    <rPh sb="5" eb="6">
      <t>ダイ</t>
    </rPh>
    <rPh sb="12" eb="14">
      <t>ジコ</t>
    </rPh>
    <rPh sb="14" eb="16">
      <t>ハッセイ</t>
    </rPh>
    <rPh sb="17" eb="19">
      <t>ボウシ</t>
    </rPh>
    <rPh sb="23" eb="25">
      <t>シシン</t>
    </rPh>
    <rPh sb="28" eb="29">
      <t>ツギ</t>
    </rPh>
    <rPh sb="33" eb="35">
      <t>コウモク</t>
    </rPh>
    <rPh sb="36" eb="37">
      <t>モ</t>
    </rPh>
    <rPh sb="38" eb="39">
      <t>コ</t>
    </rPh>
    <rPh sb="46" eb="48">
      <t>シセツ</t>
    </rPh>
    <rPh sb="52" eb="54">
      <t>カイゴ</t>
    </rPh>
    <rPh sb="54" eb="56">
      <t>ジコ</t>
    </rPh>
    <rPh sb="57" eb="59">
      <t>ボウシ</t>
    </rPh>
    <rPh sb="60" eb="61">
      <t>カン</t>
    </rPh>
    <rPh sb="63" eb="66">
      <t>キホンテキ</t>
    </rPh>
    <rPh sb="66" eb="67">
      <t>カンガ</t>
    </rPh>
    <rPh sb="68" eb="69">
      <t>カタ</t>
    </rPh>
    <rPh sb="72" eb="74">
      <t>カイゴ</t>
    </rPh>
    <rPh sb="74" eb="76">
      <t>ジコ</t>
    </rPh>
    <rPh sb="77" eb="79">
      <t>ボウシ</t>
    </rPh>
    <rPh sb="83" eb="86">
      <t>イインカイ</t>
    </rPh>
    <rPh sb="88" eb="89">
      <t>タ</t>
    </rPh>
    <rPh sb="89" eb="91">
      <t>シセツ</t>
    </rPh>
    <rPh sb="91" eb="92">
      <t>ナイ</t>
    </rPh>
    <rPh sb="93" eb="95">
      <t>ソシキ</t>
    </rPh>
    <rPh sb="96" eb="97">
      <t>カン</t>
    </rPh>
    <rPh sb="99" eb="101">
      <t>ジコウ</t>
    </rPh>
    <rPh sb="104" eb="106">
      <t>カイゴ</t>
    </rPh>
    <rPh sb="106" eb="108">
      <t>ジコ</t>
    </rPh>
    <rPh sb="109" eb="111">
      <t>ボウシ</t>
    </rPh>
    <rPh sb="115" eb="117">
      <t>ショクイン</t>
    </rPh>
    <rPh sb="117" eb="119">
      <t>ケンシュウ</t>
    </rPh>
    <rPh sb="120" eb="121">
      <t>カン</t>
    </rPh>
    <rPh sb="123" eb="125">
      <t>キホン</t>
    </rPh>
    <rPh sb="125" eb="127">
      <t>シシン</t>
    </rPh>
    <rPh sb="130" eb="132">
      <t>シセツ</t>
    </rPh>
    <rPh sb="132" eb="133">
      <t>ナイ</t>
    </rPh>
    <rPh sb="134" eb="136">
      <t>ハッセイ</t>
    </rPh>
    <rPh sb="138" eb="140">
      <t>カイゴ</t>
    </rPh>
    <rPh sb="140" eb="142">
      <t>ジコ</t>
    </rPh>
    <rPh sb="150" eb="152">
      <t>ジレイ</t>
    </rPh>
    <rPh sb="152" eb="153">
      <t>オヨ</t>
    </rPh>
    <rPh sb="154" eb="156">
      <t>ゲンジョウ</t>
    </rPh>
    <rPh sb="157" eb="159">
      <t>ホウチ</t>
    </rPh>
    <rPh sb="164" eb="166">
      <t>カイゴ</t>
    </rPh>
    <rPh sb="166" eb="168">
      <t>ジコ</t>
    </rPh>
    <rPh sb="169" eb="170">
      <t>ムス</t>
    </rPh>
    <rPh sb="173" eb="176">
      <t>カノウセイ</t>
    </rPh>
    <rPh sb="177" eb="178">
      <t>タカ</t>
    </rPh>
    <rPh sb="185" eb="187">
      <t>ホウコク</t>
    </rPh>
    <rPh sb="187" eb="189">
      <t>ホウホウ</t>
    </rPh>
    <rPh sb="189" eb="190">
      <t>トウ</t>
    </rPh>
    <rPh sb="191" eb="193">
      <t>カイゴ</t>
    </rPh>
    <rPh sb="194" eb="195">
      <t>カカ</t>
    </rPh>
    <rPh sb="196" eb="198">
      <t>アンゼン</t>
    </rPh>
    <rPh sb="199" eb="201">
      <t>カクホ</t>
    </rPh>
    <rPh sb="202" eb="204">
      <t>モクテキ</t>
    </rPh>
    <rPh sb="207" eb="209">
      <t>カイゼン</t>
    </rPh>
    <rPh sb="213" eb="215">
      <t>ホウサク</t>
    </rPh>
    <rPh sb="216" eb="217">
      <t>カン</t>
    </rPh>
    <rPh sb="219" eb="221">
      <t>キホン</t>
    </rPh>
    <rPh sb="221" eb="223">
      <t>シシン</t>
    </rPh>
    <rPh sb="226" eb="228">
      <t>カイゴ</t>
    </rPh>
    <rPh sb="228" eb="230">
      <t>ジコ</t>
    </rPh>
    <rPh sb="230" eb="231">
      <t>トウ</t>
    </rPh>
    <rPh sb="231" eb="233">
      <t>ハッセイ</t>
    </rPh>
    <rPh sb="233" eb="234">
      <t>ジ</t>
    </rPh>
    <rPh sb="235" eb="237">
      <t>タイオウ</t>
    </rPh>
    <rPh sb="238" eb="239">
      <t>カン</t>
    </rPh>
    <rPh sb="241" eb="243">
      <t>キホン</t>
    </rPh>
    <rPh sb="243" eb="245">
      <t>シシン</t>
    </rPh>
    <rPh sb="248" eb="251">
      <t>ニュウショシャ</t>
    </rPh>
    <rPh sb="251" eb="252">
      <t>トウ</t>
    </rPh>
    <rPh sb="253" eb="254">
      <t>タイ</t>
    </rPh>
    <rPh sb="256" eb="258">
      <t>トウガイ</t>
    </rPh>
    <rPh sb="258" eb="260">
      <t>シシン</t>
    </rPh>
    <rPh sb="261" eb="263">
      <t>エツラン</t>
    </rPh>
    <rPh sb="264" eb="265">
      <t>カン</t>
    </rPh>
    <rPh sb="267" eb="269">
      <t>キホン</t>
    </rPh>
    <rPh sb="269" eb="271">
      <t>シシン</t>
    </rPh>
    <rPh sb="276" eb="277">
      <t>タ</t>
    </rPh>
    <rPh sb="277" eb="279">
      <t>カイゴ</t>
    </rPh>
    <rPh sb="279" eb="281">
      <t>ジコ</t>
    </rPh>
    <rPh sb="281" eb="282">
      <t>トウ</t>
    </rPh>
    <rPh sb="283" eb="285">
      <t>ハッセイ</t>
    </rPh>
    <rPh sb="286" eb="288">
      <t>ボウシ</t>
    </rPh>
    <rPh sb="289" eb="291">
      <t>スイシン</t>
    </rPh>
    <rPh sb="295" eb="297">
      <t>ヒツヨウ</t>
    </rPh>
    <rPh sb="298" eb="300">
      <t>キホン</t>
    </rPh>
    <rPh sb="300" eb="302">
      <t>シシン</t>
    </rPh>
    <phoneticPr fontId="1"/>
  </si>
  <si>
    <t>○解釈通知第5-20
　虐待を未然に防止するための対策及び発生した場合の対応等については、高齢者虐待防止法に規定されているところ
　であり、その実効性を高め、入所者の尊厳の保持・人格の尊重が達成されるよう、次に掲げる観点から虐待の防止に
　関する措置を講じるものとする。
　①虐待の未然防止
　　施設は高齢者の尊厳保持・人格尊重に対する配慮を常に心がけながら入所者のケアにあたる必要があり、第2条の
　　基本方針に位置付けられているとおり、研修等を通じて、職員にそれらに関する理解を促す必要がある。同様に、
　　職員が高齢者虐待防止法等に規定する養介護施設の職員としての責務・適切な対応等を正しく理解していることも
　　重要である。
　②虐待等の早期発見
　　施設の職員は、虐待等を発見しやすい立場にあることから、虐待等を早期に発見できるよう、必要な措置（虐待等
　　に対する相談体制、市町村の通報窓口の周知等）がとられていることが望ましい。また、入所者及びその家族から
　　の虐待等に係る相談、入所者から市町村への虐待の届出について、適切な対応をすること。
　③虐待等への迅速かつ適切な対応
　　虐待が発生した場合には、速やかに市町村の窓口に通報される必要があり、施設は当該通報の手続が迅速かつ適切
　　に行われ、市町村等が行う虐待等に対する調査等に協力するよう努めることとする。</t>
    <rPh sb="1" eb="6">
      <t>カイシャクツウチダイ</t>
    </rPh>
    <rPh sb="148" eb="150">
      <t>シセツ</t>
    </rPh>
    <rPh sb="330" eb="332">
      <t>シセツ</t>
    </rPh>
    <rPh sb="533" eb="535">
      <t>シセツ</t>
    </rPh>
    <phoneticPr fontId="1"/>
  </si>
  <si>
    <t>※以下に重複出現あり</t>
    <rPh sb="1" eb="3">
      <t>イカ</t>
    </rPh>
    <rPh sb="4" eb="6">
      <t>チョウフク</t>
    </rPh>
    <rPh sb="6" eb="8">
      <t>シュツゲン</t>
    </rPh>
    <phoneticPr fontId="1"/>
  </si>
  <si>
    <t>※以下に重複出現あり
　条例改正あり</t>
    <rPh sb="13" eb="15">
      <t>ジョウレイ</t>
    </rPh>
    <rPh sb="15" eb="17">
      <t>カイセイ</t>
    </rPh>
    <phoneticPr fontId="1"/>
  </si>
  <si>
    <t>※条例改正あり</t>
    <rPh sb="1" eb="3">
      <t>ジョウレイ</t>
    </rPh>
    <rPh sb="3" eb="5">
      <t>カイセイ</t>
    </rPh>
    <phoneticPr fontId="1"/>
  </si>
  <si>
    <t>※一部条例改正あり（字句修正）</t>
    <rPh sb="1" eb="3">
      <t>イチブ</t>
    </rPh>
    <rPh sb="3" eb="5">
      <t>ジョウレイ</t>
    </rPh>
    <rPh sb="5" eb="7">
      <t>カイセイ</t>
    </rPh>
    <rPh sb="10" eb="12">
      <t>ジク</t>
    </rPh>
    <rPh sb="12" eb="14">
      <t>シュウセイ</t>
    </rPh>
    <phoneticPr fontId="1"/>
  </si>
  <si>
    <t>(2) 協力医療機関との連携に係る届け出（第3項）
　・協力医療機関と実効性のある連携体制を確保する観点から、年に1回以上、協力医療機関と入所者の急変時等に
　　おける対応を確認し、当該医療機関の名称や当該医療機関との取り決めの内容等を都道府県に届け出ることを義
　　務づけたものである。
　・届出については、別紙様式1によるものとする。
　・協力医療機関の名称や契約内容の変更があった場合には、速やかに都道府県知事に届け出ること。
(3) 新興感染症発生時等の対応を行う医療機関との連携（第4項）
　・取り決めの内容としては、流行初期期間経過後（新興感染症の発生の公表後4か月程度から6か月程度経過後）に
　　おいて、入所者が新興感染症に感染した場合に、相談、診療、入院の要否の判断、入院調整等を行うことが想定
　　される。
　・第二種協定指定医療機関である薬局や訪問看護ステーションとの連携を行うことを妨げるものではない。
(4) 協力医療機関が第二種協定指定医療機関である場合（第5項）
　・協議の結果、当該協力医療機関との間で新興感染症の発生時等の対応の取り決めがなされない場合も考えられる
　　が、協力医療機関のように日頃から連携のある第二種協定指定医療機関と取り決めを行うことが望ましい。</t>
    <phoneticPr fontId="1"/>
  </si>
  <si>
    <t>※条例改正あり
　解釈通知の追加あり</t>
    <rPh sb="9" eb="11">
      <t>カイシャク</t>
    </rPh>
    <rPh sb="11" eb="13">
      <t>ツウチ</t>
    </rPh>
    <rPh sb="14" eb="16">
      <t>ツイカ</t>
    </rPh>
    <phoneticPr fontId="1"/>
  </si>
  <si>
    <t>【虐待の防止に関する措置を適切に実施するための担当者】
・担当者を置くことが必要である。
・虐待防止検討委員会の責任者と同一の従業者が務めることが望ましい。
・同一施設内での複数担当（※）の兼務や他の事業所・施設等との担当（※）の兼務については、担当者としての職務
　に支障がなければ差し支えない。ただし、日常的に兼務先の各事業所内の業務に従事しており、入所者や施設の状況
　を適切に把握している者など、各担当者としての職務を遂行する上で支障がないと考えられる者を選任すること。
　※身体的拘束等適正化担当者、褥瘡予防対策担当者（看護師が望ましい。）、感染対策担当者（看護師が望ましい。
　　）、事故の発生又はその再発を防止するための措置を適切に実施するための担当者、虐待の発生又はその再発を防
　　止するための措置を適切に実施するための担当者</t>
    <rPh sb="1" eb="3">
      <t>ギャクタイ</t>
    </rPh>
    <rPh sb="4" eb="6">
      <t>ボウシ</t>
    </rPh>
    <rPh sb="7" eb="8">
      <t>カン</t>
    </rPh>
    <rPh sb="10" eb="12">
      <t>ソチ</t>
    </rPh>
    <rPh sb="13" eb="15">
      <t>テキセツ</t>
    </rPh>
    <rPh sb="16" eb="18">
      <t>ジッシ</t>
    </rPh>
    <rPh sb="23" eb="26">
      <t>タントウシャ</t>
    </rPh>
    <phoneticPr fontId="1"/>
  </si>
  <si>
    <t>　１８　協力医療機関等　………………………………………………………３３</t>
    <rPh sb="4" eb="6">
      <t>キョウリョク</t>
    </rPh>
    <rPh sb="6" eb="8">
      <t>イリョウ</t>
    </rPh>
    <rPh sb="8" eb="10">
      <t>キカン</t>
    </rPh>
    <rPh sb="10" eb="11">
      <t>トウ</t>
    </rPh>
    <phoneticPr fontId="1"/>
  </si>
  <si>
    <t>(2) 協力医療機関は次の要件を満たしているか。</t>
    <rPh sb="4" eb="6">
      <t>キョウリョク</t>
    </rPh>
    <rPh sb="6" eb="8">
      <t>イリョウ</t>
    </rPh>
    <rPh sb="8" eb="10">
      <t>キカン</t>
    </rPh>
    <rPh sb="11" eb="12">
      <t>ツギ</t>
    </rPh>
    <rPh sb="13" eb="15">
      <t>ヨウケン</t>
    </rPh>
    <rPh sb="16" eb="17">
      <t>ミ</t>
    </rPh>
    <phoneticPr fontId="1"/>
  </si>
  <si>
    <t>(3) １年に１回以上、協力医療機関との間で、入所者の病状が急変した</t>
    <rPh sb="5" eb="6">
      <t>ネン</t>
    </rPh>
    <rPh sb="8" eb="9">
      <t>カイ</t>
    </rPh>
    <rPh sb="9" eb="11">
      <t>イジョウ</t>
    </rPh>
    <rPh sb="12" eb="14">
      <t>キョウリョク</t>
    </rPh>
    <rPh sb="14" eb="16">
      <t>イリョウ</t>
    </rPh>
    <rPh sb="16" eb="18">
      <t>キカン</t>
    </rPh>
    <rPh sb="20" eb="21">
      <t>アイダ</t>
    </rPh>
    <rPh sb="23" eb="26">
      <t>ニュウショシャ</t>
    </rPh>
    <rPh sb="27" eb="29">
      <t>ビョウジョウ</t>
    </rPh>
    <rPh sb="30" eb="32">
      <t>キュウヘン</t>
    </rPh>
    <phoneticPr fontId="1"/>
  </si>
  <si>
    <t>(4) 協力医療機関の名称や取り決め内容等を市長に届け出ているか。</t>
    <rPh sb="4" eb="6">
      <t>キョウリョク</t>
    </rPh>
    <rPh sb="6" eb="8">
      <t>イリョウ</t>
    </rPh>
    <rPh sb="8" eb="10">
      <t>キカン</t>
    </rPh>
    <rPh sb="11" eb="13">
      <t>メイショウ</t>
    </rPh>
    <rPh sb="14" eb="15">
      <t>ト</t>
    </rPh>
    <rPh sb="16" eb="17">
      <t>キ</t>
    </rPh>
    <rPh sb="18" eb="20">
      <t>ナイヨウ</t>
    </rPh>
    <rPh sb="20" eb="21">
      <t>トウ</t>
    </rPh>
    <rPh sb="22" eb="24">
      <t>シチョウ</t>
    </rPh>
    <rPh sb="25" eb="26">
      <t>トド</t>
    </rPh>
    <rPh sb="27" eb="28">
      <t>デ</t>
    </rPh>
    <phoneticPr fontId="1"/>
  </si>
  <si>
    <t>(7) 協力歯科医療機関を定めているか。</t>
    <rPh sb="4" eb="6">
      <t>キョウリョク</t>
    </rPh>
    <rPh sb="6" eb="8">
      <t>シカ</t>
    </rPh>
    <rPh sb="8" eb="10">
      <t>イリョウ</t>
    </rPh>
    <rPh sb="10" eb="12">
      <t>キカン</t>
    </rPh>
    <rPh sb="13" eb="14">
      <t>サダ</t>
    </rPh>
    <phoneticPr fontId="1"/>
  </si>
  <si>
    <t>(2) 重要事項を法人のホームページ等に掲載しているか。</t>
    <rPh sb="4" eb="6">
      <t>ジュウヨウ</t>
    </rPh>
    <rPh sb="6" eb="8">
      <t>ジコウ</t>
    </rPh>
    <rPh sb="9" eb="11">
      <t>ホウジン</t>
    </rPh>
    <rPh sb="18" eb="19">
      <t>トウ</t>
    </rPh>
    <rPh sb="20" eb="22">
      <t>ケイサイ</t>
    </rPh>
    <phoneticPr fontId="1"/>
  </si>
  <si>
    <t>◎基準条例第11条第3項
　第1項の常勤換算方法とは、当該職員のそれぞれの勤務延時間数の総数を当該軽費老人ホームにおいて常勤の職員が
　勤務する時間数で除することにより常勤の職員の員数に換算する方法をいう。
○解釈通知第3-1-(3)
【常勤換算方法】
・男女雇用機会均等法に規定する母性健康管理措置又は育児・介護休業法に規定する所定労働時間の短縮等の措置若し
　くは厚生労働省「事業場における治療と仕事の両立支援のためのガイドライン」に沿って事業者が自主的に設ける所
　定労働時間の短縮措置が講じられている場合、30時間以上の勤務で、常勤換算方法での計算に当たり、常勤の従事者
　が勤務すべき時間数を満たしたものとし、1として取り扱うことを可能とする。
【勤務延時間数】
・勤務表上、当該施設の職務に従事する時間として明確に位置付けられている時間の合計数とする。
・職員一人につき勤務延時間数に算入することができる時間数は、当該施設において常勤の職員が勤務すべき勤務時間
　数を上限とする。
【常勤】
・当該施設における勤務時間が、当該施設において定められている常勤の職員が勤務すべき時間数（週32時間を下回る
　場合は32時間を基本とする。）に達していることをいう。ただし、母性健康管理措置又は育児、介護及び治療のため
　の所定労働時間の短縮等の措置が講じられている者については、入所者の処遇に支障がない体制が施設として整って
　いる場合は、例外的に常勤の従事者が勤務すべき時間数を30時間として取り扱うことを可能とする。
・当該施設に併設される他の事業所（同一敷地内に所在する又は道路を隔てて隣接する事業所をいう。ただし、管理上
　支障がない場合は、その他の事業所を含む。）の職務であって、当該施設の職務と同時並行的に行われることが差し
　支えないと考えられるものについては、それぞれに係る勤務時間の合計が常勤の従業者が勤務すべき時間数に達して
　いれば、常勤の要件を満たすものであることとする。
・人員基準において常勤要件が設けられている場合、従事者が産前産後休業、母性健康管理措置、育児休業、介護休
　業、育児休業に準ずる休業を取得中の期間において、当該人員基準において求められる資質を有する複数の非常勤の
　従事者を常勤の従事者の員数に換算することにより、人員基準を満たすことが可能であることとする。</t>
    <rPh sb="105" eb="109">
      <t>カイシャクツウチ</t>
    </rPh>
    <rPh sb="109" eb="110">
      <t>ダイ</t>
    </rPh>
    <phoneticPr fontId="1"/>
  </si>
  <si>
    <t>　←コピペ</t>
    <phoneticPr fontId="1"/>
  </si>
  <si>
    <t>　←コピペ部分</t>
    <rPh sb="5" eb="7">
      <t>ブブン</t>
    </rPh>
    <phoneticPr fontId="1"/>
  </si>
  <si>
    <r>
      <t>　</t>
    </r>
    <r>
      <rPr>
        <sz val="14"/>
        <color rgb="FFFF0000"/>
        <rFont val="HGｺﾞｼｯｸM"/>
        <family val="3"/>
        <charset val="128"/>
      </rPr>
      <t>←コピぺ部分</t>
    </r>
    <rPh sb="5" eb="7">
      <t>ブブン</t>
    </rPh>
    <phoneticPr fontId="1"/>
  </si>
  <si>
    <t>【注意！！】
　この色の帯は、前出の他の項目と重複する説明（以下、同じ）
　故に修正していない。
　＊削除しても良いかも？</t>
    <rPh sb="1" eb="3">
      <t>チュウイ</t>
    </rPh>
    <rPh sb="10" eb="11">
      <t>イロ</t>
    </rPh>
    <rPh sb="12" eb="13">
      <t>オビ</t>
    </rPh>
    <rPh sb="15" eb="17">
      <t>ゼンシュツ</t>
    </rPh>
    <rPh sb="18" eb="19">
      <t>タ</t>
    </rPh>
    <rPh sb="20" eb="22">
      <t>コウモク</t>
    </rPh>
    <rPh sb="23" eb="25">
      <t>チョウフク</t>
    </rPh>
    <rPh sb="27" eb="29">
      <t>セツメイ</t>
    </rPh>
    <rPh sb="30" eb="32">
      <t>イカ</t>
    </rPh>
    <rPh sb="33" eb="34">
      <t>オナ</t>
    </rPh>
    <rPh sb="38" eb="39">
      <t>ユエ</t>
    </rPh>
    <rPh sb="40" eb="42">
      <t>シュウセイ</t>
    </rPh>
    <rPh sb="52" eb="54">
      <t>サクジョ</t>
    </rPh>
    <rPh sb="57" eb="58">
      <t>ヨ</t>
    </rPh>
    <phoneticPr fontId="1"/>
  </si>
  <si>
    <t>【身体的拘束等の適正化のための指針】
　指針には次のような項目を盛り込むこと。
　①施設における身体的拘束等の適正化に関する基本的考え方
　②身体的拘束等適正化検討委員会その他施設内の組織に関する事項
　③身体的拘束等の適正化のための職員研修に関する基本方針
　④施設内で発生した身体的拘束等の報告方法等のための方策に関する基本方針
　⑤身体的拘束等の発生時の対応に関する基本方針
　⑥入所者等に対する当該指針の閲覧に関する基本方針
　⑦その他身体的拘束等の適正化の推進のために必要な基本方針</t>
    <rPh sb="1" eb="4">
      <t>シンタイテキ</t>
    </rPh>
    <rPh sb="4" eb="6">
      <t>コウソク</t>
    </rPh>
    <rPh sb="6" eb="7">
      <t>トウ</t>
    </rPh>
    <rPh sb="8" eb="11">
      <t>テキセイカ</t>
    </rPh>
    <rPh sb="15" eb="17">
      <t>シシン</t>
    </rPh>
    <rPh sb="20" eb="22">
      <t>シシン</t>
    </rPh>
    <rPh sb="24" eb="25">
      <t>ツギ</t>
    </rPh>
    <rPh sb="29" eb="31">
      <t>コウモク</t>
    </rPh>
    <rPh sb="32" eb="33">
      <t>モ</t>
    </rPh>
    <rPh sb="34" eb="35">
      <t>コ</t>
    </rPh>
    <rPh sb="42" eb="44">
      <t>シセツ</t>
    </rPh>
    <rPh sb="48" eb="54">
      <t>シンタイテキコウソクトウ</t>
    </rPh>
    <rPh sb="55" eb="58">
      <t>テキセイカ</t>
    </rPh>
    <rPh sb="59" eb="60">
      <t>カン</t>
    </rPh>
    <rPh sb="62" eb="65">
      <t>キホンテキ</t>
    </rPh>
    <rPh sb="65" eb="66">
      <t>カンガ</t>
    </rPh>
    <rPh sb="67" eb="68">
      <t>カタ</t>
    </rPh>
    <rPh sb="76" eb="77">
      <t>トウ</t>
    </rPh>
    <phoneticPr fontId="1"/>
  </si>
  <si>
    <t>【入所予定者への対応】
・施設は、入所予定者の感染症に関する事項も含めた健康状態を確認することが必要であるが、その結果感染症や既往
　であっても、一定の場合を除き、サービス提供を断る正当な理由には該当しないものである。
・こうした者が入所する場合には、感染対策担当者は、介護職員その他の職員に対し、当該感染症に関する知識、対応
　等について周知することが必要である。</t>
    <rPh sb="1" eb="3">
      <t>ニュウショ</t>
    </rPh>
    <rPh sb="3" eb="5">
      <t>ヨテイ</t>
    </rPh>
    <rPh sb="5" eb="6">
      <t>シャ</t>
    </rPh>
    <rPh sb="8" eb="10">
      <t>タイオウ</t>
    </rPh>
    <rPh sb="13" eb="15">
      <t>シセツ</t>
    </rPh>
    <rPh sb="17" eb="19">
      <t>ニュウショ</t>
    </rPh>
    <rPh sb="19" eb="21">
      <t>ヨテイ</t>
    </rPh>
    <rPh sb="21" eb="22">
      <t>シャ</t>
    </rPh>
    <rPh sb="23" eb="26">
      <t>カンセンショウ</t>
    </rPh>
    <rPh sb="27" eb="28">
      <t>カン</t>
    </rPh>
    <rPh sb="30" eb="32">
      <t>ジコウ</t>
    </rPh>
    <rPh sb="33" eb="34">
      <t>フク</t>
    </rPh>
    <rPh sb="36" eb="38">
      <t>ケンコウ</t>
    </rPh>
    <rPh sb="38" eb="40">
      <t>ジョウタイ</t>
    </rPh>
    <rPh sb="41" eb="43">
      <t>カクニン</t>
    </rPh>
    <rPh sb="48" eb="50">
      <t>ヒツヨウ</t>
    </rPh>
    <rPh sb="57" eb="59">
      <t>ケッカ</t>
    </rPh>
    <rPh sb="59" eb="62">
      <t>カンセンショウ</t>
    </rPh>
    <rPh sb="63" eb="65">
      <t>キオウ</t>
    </rPh>
    <rPh sb="73" eb="75">
      <t>イッテイ</t>
    </rPh>
    <rPh sb="76" eb="78">
      <t>バアイ</t>
    </rPh>
    <rPh sb="79" eb="80">
      <t>ノゾ</t>
    </rPh>
    <rPh sb="86" eb="88">
      <t>テイキョウ</t>
    </rPh>
    <rPh sb="89" eb="90">
      <t>コトワ</t>
    </rPh>
    <rPh sb="91" eb="93">
      <t>セイトウ</t>
    </rPh>
    <rPh sb="94" eb="96">
      <t>リユウ</t>
    </rPh>
    <rPh sb="98" eb="100">
      <t>ガイトウ</t>
    </rPh>
    <rPh sb="115" eb="116">
      <t>モノ</t>
    </rPh>
    <rPh sb="117" eb="119">
      <t>ニュウショ</t>
    </rPh>
    <rPh sb="121" eb="123">
      <t>バアイ</t>
    </rPh>
    <rPh sb="126" eb="128">
      <t>カンセン</t>
    </rPh>
    <rPh sb="128" eb="130">
      <t>タイサク</t>
    </rPh>
    <rPh sb="130" eb="133">
      <t>タントウシャ</t>
    </rPh>
    <rPh sb="135" eb="137">
      <t>カイゴ</t>
    </rPh>
    <rPh sb="137" eb="139">
      <t>ショクイン</t>
    </rPh>
    <rPh sb="141" eb="142">
      <t>タ</t>
    </rPh>
    <rPh sb="143" eb="145">
      <t>ショクイン</t>
    </rPh>
    <rPh sb="146" eb="147">
      <t>タイ</t>
    </rPh>
    <rPh sb="149" eb="151">
      <t>トウガイ</t>
    </rPh>
    <rPh sb="151" eb="154">
      <t>カンセンショウ</t>
    </rPh>
    <rPh sb="155" eb="156">
      <t>カン</t>
    </rPh>
    <rPh sb="158" eb="160">
      <t>チシキ</t>
    </rPh>
    <rPh sb="161" eb="163">
      <t>タイオウ</t>
    </rPh>
    <rPh sb="165" eb="166">
      <t>トウ</t>
    </rPh>
    <rPh sb="170" eb="172">
      <t>シュウチ</t>
    </rPh>
    <rPh sb="177" eb="179">
      <t>ヒツヨウ</t>
    </rPh>
    <phoneticPr fontId="1"/>
  </si>
  <si>
    <t>　１９　掲示　……………………………………………………………………３５</t>
    <rPh sb="4" eb="6">
      <t>ケイジ</t>
    </rPh>
    <phoneticPr fontId="1"/>
  </si>
  <si>
    <t>　２０　秘密保持等　……………………………………………………………３５</t>
    <rPh sb="4" eb="6">
      <t>ヒミツ</t>
    </rPh>
    <rPh sb="6" eb="8">
      <t>ホジ</t>
    </rPh>
    <rPh sb="8" eb="9">
      <t>トウ</t>
    </rPh>
    <phoneticPr fontId="1"/>
  </si>
  <si>
    <t>　２１　広告　……………………………………………………………………３５</t>
    <rPh sb="4" eb="6">
      <t>コウコク</t>
    </rPh>
    <phoneticPr fontId="1"/>
  </si>
  <si>
    <t>　２２　苦情処理　………………………………………………………………３５</t>
    <rPh sb="4" eb="6">
      <t>クジョウ</t>
    </rPh>
    <rPh sb="6" eb="8">
      <t>ショリ</t>
    </rPh>
    <phoneticPr fontId="1"/>
  </si>
  <si>
    <t>　２４　事故発生の防止及び発生時の対応　…………………………………３７</t>
    <rPh sb="4" eb="6">
      <t>ジコ</t>
    </rPh>
    <rPh sb="6" eb="8">
      <t>ハッセイ</t>
    </rPh>
    <rPh sb="9" eb="11">
      <t>ボウシ</t>
    </rPh>
    <rPh sb="11" eb="12">
      <t>オヨ</t>
    </rPh>
    <rPh sb="13" eb="15">
      <t>ハッセイ</t>
    </rPh>
    <rPh sb="15" eb="16">
      <t>ジ</t>
    </rPh>
    <rPh sb="17" eb="19">
      <t>タイオウ</t>
    </rPh>
    <phoneticPr fontId="1"/>
  </si>
  <si>
    <t>　２５　虐待の防止　……………………………………………………………３９</t>
    <rPh sb="4" eb="6">
      <t>ギャクタイ</t>
    </rPh>
    <rPh sb="7" eb="9">
      <t>ボウシ</t>
    </rPh>
    <phoneticPr fontId="1"/>
  </si>
  <si>
    <t>　１　利用者の安心・安全の確保　……………………………………………４１</t>
    <rPh sb="3" eb="6">
      <t>リヨウシャ</t>
    </rPh>
    <rPh sb="7" eb="9">
      <t>アンシン</t>
    </rPh>
    <rPh sb="10" eb="12">
      <t>アンゼン</t>
    </rPh>
    <rPh sb="13" eb="15">
      <t>カクホ</t>
    </rPh>
    <phoneticPr fontId="1"/>
  </si>
  <si>
    <t>　　（Ⅳ－２５－(1)（p.39）において確認）</t>
    <phoneticPr fontId="1"/>
  </si>
  <si>
    <t>　　（Ⅳ－２５－(2)（p.39）において確認）</t>
    <phoneticPr fontId="1"/>
  </si>
  <si>
    <t>　　（Ⅳ－２５－(4)（p.39）において確認）</t>
    <phoneticPr fontId="1"/>
  </si>
  <si>
    <t>◎基準条例第11条第12項
　第1項第6号の規定にかかわらず、サテライト型軽費老人ホーム（当該施設を設置しようとする者により設置される当
　該施設以外の介護老人保健施設若しくは介護医療院又は診療所であって当該施設に対する支援機能を有するもの（以
　下この項において「本体施設」という。）との密接な連携を確保しつつ、本体施設とは別の場所で運営される入所定
　員が29人以下の軽費老人ホームをいう。以下この項において同じ。）の調理員その他の職員については、次に掲げる
　本体施設の場合は、次の各号に掲げる区分に応じ、当該各号に定める職員により当該サテライト型軽費老人ホームの
　入所者に提供するサービスが適切に行われていると認められるときは、これを置かないことができる。
　(1) 介護老人保健施設又は介護医療院　調理員又はその他の従業者
　(2) 診療所　その他の従業者</t>
    <rPh sb="1" eb="6">
      <t>キジュンジョウレイダイ</t>
    </rPh>
    <rPh sb="8" eb="9">
      <t>ジョウ</t>
    </rPh>
    <rPh sb="9" eb="10">
      <t>ダイ</t>
    </rPh>
    <rPh sb="12" eb="13">
      <t>コウ</t>
    </rPh>
    <phoneticPr fontId="1"/>
  </si>
  <si>
    <t>◎基準条例第23条
1 軽費老人ホームの生活相談員は、入所者からの相談に応じるとともに、適切な助言及び必要な支援を行うほか、次に
　掲げる業務を行わなければならない。
　(1) 入所者の居宅サービス等の利用に際し、居宅サービス計画又は介護予防サービス計画（介護保険法第8条の2第16
　　項に規定する介護予防サービス計画をいう。）の作成等に資するため、居宅介護支援事業（同法第8条第24項に規
　　定する居宅介護支援事業をいう。）又は介護予防支援事業（同法第8条の2第16項に規定する介護予防支援事業をい
　　う。）を行う者との密接な連携を図るほか、居宅サービス等その他の保健医療サービス又は福祉サービスを提供す
　　る者との連携を図ること。
　(2) 第31条第2項の苦情の内容等の記録を行うこと。
　(3) 第33条第2項の事故の状況及び事故に際して採った処置についての同条第3項の記録を行うこと。
2 前項の規定にかかわらず、生活相談員が置かれていない軽費老人ホームにあっては、介護職員が同項各号に掲げる業
　務を行わなければならない。
○解釈通知第5-10
・生活相談員は、入所者に提供するサービスに関する計画に則った支援が行われるよう、必要に応じ当該軽費老人ホー
　ムの職員の業務について調整を行うとともに、施設外の保健福祉サービスを行う者や市町村等必要な機関との調整を
　行うことを基本とし、その上で第1号から第3号までに掲げる業務を行うものである。
・「生活相談員が置かれていない軽費老人ホーム」とは、第11条第6項の規定を適用した場合を指すものである。</t>
    <rPh sb="1" eb="5">
      <t>キジュンジョウレイ</t>
    </rPh>
    <rPh sb="473" eb="475">
      <t>カイシャク</t>
    </rPh>
    <rPh sb="475" eb="477">
      <t>ツウチ</t>
    </rPh>
    <rPh sb="477" eb="478">
      <t>ダイ</t>
    </rPh>
    <rPh sb="484" eb="486">
      <t>セイカツ</t>
    </rPh>
    <rPh sb="486" eb="489">
      <t>ソウダンイン</t>
    </rPh>
    <rPh sb="491" eb="494">
      <t>ニュウショシャ</t>
    </rPh>
    <rPh sb="495" eb="497">
      <t>テイキョウ</t>
    </rPh>
    <rPh sb="504" eb="505">
      <t>カン</t>
    </rPh>
    <rPh sb="507" eb="509">
      <t>ケイカク</t>
    </rPh>
    <rPh sb="510" eb="511">
      <t>ノット</t>
    </rPh>
    <rPh sb="513" eb="515">
      <t>シエン</t>
    </rPh>
    <rPh sb="516" eb="517">
      <t>オコナ</t>
    </rPh>
    <rPh sb="523" eb="525">
      <t>ヒツヨウ</t>
    </rPh>
    <rPh sb="526" eb="527">
      <t>オウ</t>
    </rPh>
    <rPh sb="528" eb="530">
      <t>トウガイ</t>
    </rPh>
    <rPh sb="530" eb="532">
      <t>ケイヒ</t>
    </rPh>
    <rPh sb="532" eb="534">
      <t>ロウジン</t>
    </rPh>
    <rPh sb="540" eb="542">
      <t>ショクイン</t>
    </rPh>
    <rPh sb="543" eb="545">
      <t>ギョウム</t>
    </rPh>
    <rPh sb="549" eb="551">
      <t>チョウセイ</t>
    </rPh>
    <rPh sb="552" eb="553">
      <t>オコナ</t>
    </rPh>
    <rPh sb="559" eb="562">
      <t>シセツガイ</t>
    </rPh>
    <rPh sb="563" eb="565">
      <t>ホケン</t>
    </rPh>
    <rPh sb="565" eb="567">
      <t>フクシ</t>
    </rPh>
    <rPh sb="572" eb="573">
      <t>オコナ</t>
    </rPh>
    <rPh sb="574" eb="575">
      <t>モノ</t>
    </rPh>
    <rPh sb="576" eb="579">
      <t>シチョウソン</t>
    </rPh>
    <rPh sb="579" eb="580">
      <t>トウ</t>
    </rPh>
    <rPh sb="580" eb="582">
      <t>ヒツヨウ</t>
    </rPh>
    <rPh sb="583" eb="585">
      <t>キカン</t>
    </rPh>
    <rPh sb="587" eb="589">
      <t>チョウセイ</t>
    </rPh>
    <rPh sb="592" eb="593">
      <t>オコナ</t>
    </rPh>
    <rPh sb="597" eb="599">
      <t>キホン</t>
    </rPh>
    <rPh sb="604" eb="605">
      <t>ウエ</t>
    </rPh>
    <rPh sb="606" eb="607">
      <t>ダイ</t>
    </rPh>
    <rPh sb="608" eb="609">
      <t>ゴウ</t>
    </rPh>
    <rPh sb="611" eb="612">
      <t>ダイ</t>
    </rPh>
    <rPh sb="613" eb="614">
      <t>ゴウ</t>
    </rPh>
    <rPh sb="617" eb="618">
      <t>カカ</t>
    </rPh>
    <rPh sb="620" eb="622">
      <t>ギョウム</t>
    </rPh>
    <rPh sb="623" eb="624">
      <t>オコナ</t>
    </rPh>
    <rPh sb="634" eb="636">
      <t>セイカツ</t>
    </rPh>
    <rPh sb="636" eb="639">
      <t>ソウダンイン</t>
    </rPh>
    <rPh sb="640" eb="641">
      <t>オ</t>
    </rPh>
    <rPh sb="647" eb="651">
      <t>ケイヒロウジン</t>
    </rPh>
    <rPh sb="658" eb="659">
      <t>ダイ</t>
    </rPh>
    <rPh sb="661" eb="662">
      <t>ジョウ</t>
    </rPh>
    <rPh sb="662" eb="663">
      <t>ダイ</t>
    </rPh>
    <rPh sb="664" eb="665">
      <t>コウ</t>
    </rPh>
    <rPh sb="666" eb="668">
      <t>キテイ</t>
    </rPh>
    <rPh sb="669" eb="671">
      <t>テキヨウ</t>
    </rPh>
    <rPh sb="673" eb="675">
      <t>バアイ</t>
    </rPh>
    <rPh sb="676" eb="677">
      <t>サ</t>
    </rPh>
    <phoneticPr fontId="1"/>
  </si>
  <si>
    <t>□身体的拘束等適正化</t>
    <rPh sb="1" eb="6">
      <t>シンタイテキコウソク</t>
    </rPh>
    <rPh sb="6" eb="7">
      <t>トウ</t>
    </rPh>
    <rPh sb="7" eb="9">
      <t>テキセイ</t>
    </rPh>
    <rPh sb="9" eb="10">
      <t>カ</t>
    </rPh>
    <phoneticPr fontId="1"/>
  </si>
  <si>
    <t>　検討委員会議事録</t>
    <rPh sb="1" eb="3">
      <t>ケントウ</t>
    </rPh>
    <rPh sb="3" eb="6">
      <t>イインカイ</t>
    </rPh>
    <rPh sb="6" eb="9">
      <t>ギジロク</t>
    </rPh>
    <phoneticPr fontId="1"/>
  </si>
  <si>
    <t>　
　←追加</t>
    <rPh sb="4" eb="6">
      <t>ツイカ</t>
    </rPh>
    <phoneticPr fontId="1"/>
  </si>
  <si>
    <t>☐</t>
    <phoneticPr fontId="1"/>
  </si>
  <si>
    <t>(2) 必要な専門職を配置しているか。</t>
    <rPh sb="4" eb="6">
      <t>ヒツヨウ</t>
    </rPh>
    <rPh sb="7" eb="9">
      <t>センモン</t>
    </rPh>
    <rPh sb="9" eb="10">
      <t>ショク</t>
    </rPh>
    <rPh sb="11" eb="13">
      <t>ハイチ</t>
    </rPh>
    <phoneticPr fontId="1"/>
  </si>
  <si>
    <t>□職員の勤務体制及び</t>
    <rPh sb="1" eb="3">
      <t>ショクイン</t>
    </rPh>
    <rPh sb="4" eb="6">
      <t>キンム</t>
    </rPh>
    <rPh sb="6" eb="8">
      <t>タイセイ</t>
    </rPh>
    <rPh sb="8" eb="9">
      <t>オヨ</t>
    </rPh>
    <phoneticPr fontId="1"/>
  </si>
  <si>
    <t>　例：勤務体制一覧表</t>
    <rPh sb="1" eb="2">
      <t>レイ</t>
    </rPh>
    <rPh sb="3" eb="5">
      <t>キンム</t>
    </rPh>
    <rPh sb="5" eb="7">
      <t>タイセイ</t>
    </rPh>
    <rPh sb="7" eb="9">
      <t>イチラン</t>
    </rPh>
    <rPh sb="9" eb="10">
      <t>ヒョウ</t>
    </rPh>
    <phoneticPr fontId="1"/>
  </si>
  <si>
    <t>　　　勤務実績表</t>
    <phoneticPr fontId="1"/>
  </si>
  <si>
    <t>　るもの</t>
    <phoneticPr fontId="1"/>
  </si>
  <si>
    <t>　例：タイムカード</t>
    <rPh sb="1" eb="2">
      <t>レイ</t>
    </rPh>
    <phoneticPr fontId="1"/>
  </si>
  <si>
    <t>　　　勤怠管理システム</t>
    <rPh sb="3" eb="5">
      <t>キンタイ</t>
    </rPh>
    <rPh sb="5" eb="7">
      <t>カンリ</t>
    </rPh>
    <phoneticPr fontId="1"/>
  </si>
  <si>
    <t>□資格要件が合致してい</t>
    <rPh sb="1" eb="3">
      <t>シカク</t>
    </rPh>
    <rPh sb="3" eb="5">
      <t>ヨウケン</t>
    </rPh>
    <rPh sb="6" eb="8">
      <t>ガッチ</t>
    </rPh>
    <phoneticPr fontId="1"/>
  </si>
  <si>
    <t>　例：資格証の写し</t>
    <rPh sb="1" eb="2">
      <t>レイ</t>
    </rPh>
    <rPh sb="3" eb="5">
      <t>シカク</t>
    </rPh>
    <rPh sb="5" eb="6">
      <t>ショウ</t>
    </rPh>
    <rPh sb="7" eb="8">
      <t>ウツ</t>
    </rPh>
    <phoneticPr fontId="1"/>
  </si>
  <si>
    <t>(1) 必要な設備を有しているか。</t>
    <rPh sb="4" eb="6">
      <t>ヒツヨウ</t>
    </rPh>
    <rPh sb="7" eb="9">
      <t>セツビ</t>
    </rPh>
    <rPh sb="10" eb="11">
      <t>ユウ</t>
    </rPh>
    <phoneticPr fontId="1"/>
  </si>
  <si>
    <t>(2) 目的に沿った仕様であるか。</t>
    <rPh sb="4" eb="6">
      <t>モクテキ</t>
    </rPh>
    <rPh sb="7" eb="8">
      <t>ソ</t>
    </rPh>
    <rPh sb="10" eb="12">
      <t>シヨウ</t>
    </rPh>
    <phoneticPr fontId="1"/>
  </si>
  <si>
    <t>(3) 過去３年間に変更（建物・設備の改修、用途の変更等）がある場合、</t>
    <rPh sb="32" eb="34">
      <t>バアイ</t>
    </rPh>
    <phoneticPr fontId="1"/>
  </si>
  <si>
    <t>(2) 非常災害時の関係機関への通報及び連携体制を整備しているか。</t>
    <rPh sb="4" eb="6">
      <t>ヒジョウ</t>
    </rPh>
    <rPh sb="6" eb="8">
      <t>サイガイ</t>
    </rPh>
    <rPh sb="8" eb="9">
      <t>ジ</t>
    </rPh>
    <rPh sb="10" eb="12">
      <t>カンケイ</t>
    </rPh>
    <rPh sb="12" eb="14">
      <t>キカン</t>
    </rPh>
    <rPh sb="16" eb="18">
      <t>ツウホウ</t>
    </rPh>
    <rPh sb="18" eb="19">
      <t>オヨ</t>
    </rPh>
    <rPh sb="20" eb="22">
      <t>レンケイ</t>
    </rPh>
    <rPh sb="22" eb="24">
      <t>タイセイ</t>
    </rPh>
    <rPh sb="25" eb="27">
      <t>セイビ</t>
    </rPh>
    <phoneticPr fontId="1"/>
  </si>
  <si>
    <t>(3) 避難・救出等の訓練を定期的に実施しているか。（年２回以上）</t>
    <rPh sb="4" eb="6">
      <t>ヒナン</t>
    </rPh>
    <rPh sb="7" eb="9">
      <t>キュウシュツ</t>
    </rPh>
    <rPh sb="9" eb="10">
      <t>トウ</t>
    </rPh>
    <rPh sb="11" eb="13">
      <t>クンレン</t>
    </rPh>
    <rPh sb="14" eb="17">
      <t>テイキテキ</t>
    </rPh>
    <rPh sb="18" eb="20">
      <t>ジッシ</t>
    </rPh>
    <rPh sb="27" eb="28">
      <t>ネン</t>
    </rPh>
    <rPh sb="29" eb="32">
      <t>カイイジョウ</t>
    </rPh>
    <phoneticPr fontId="1"/>
  </si>
  <si>
    <t>□サービス提供記録</t>
    <phoneticPr fontId="1"/>
  </si>
  <si>
    <t>　ビスに関する計画</t>
    <rPh sb="4" eb="5">
      <t>カン</t>
    </rPh>
    <rPh sb="7" eb="9">
      <t>ケイカク</t>
    </rPh>
    <phoneticPr fontId="1"/>
  </si>
  <si>
    <t>□入所者台帳</t>
    <rPh sb="1" eb="4">
      <t>ニュウショシャ</t>
    </rPh>
    <rPh sb="4" eb="6">
      <t>ダイチョウ</t>
    </rPh>
    <phoneticPr fontId="1"/>
  </si>
  <si>
    <t>　行っていないか。</t>
    <rPh sb="1" eb="2">
      <t>オコナ</t>
    </rPh>
    <phoneticPr fontId="1"/>
  </si>
  <si>
    <t>　的拘束等（身体拘束その他入所者の行動を制限する行為を含む。）を</t>
    <rPh sb="1" eb="2">
      <t>テキ</t>
    </rPh>
    <rPh sb="4" eb="5">
      <t>トウ</t>
    </rPh>
    <rPh sb="6" eb="8">
      <t>シンタイ</t>
    </rPh>
    <rPh sb="8" eb="10">
      <t>コウソク</t>
    </rPh>
    <rPh sb="27" eb="28">
      <t>フク</t>
    </rPh>
    <phoneticPr fontId="1"/>
  </si>
  <si>
    <t>(4) 身体的拘束等適正化検討委員会を３月に１回以上開催しているか。</t>
    <phoneticPr fontId="1"/>
  </si>
  <si>
    <t>(5) 身体的拘束等の適正化のための指針を整備しているか。</t>
    <phoneticPr fontId="1"/>
  </si>
  <si>
    <t>□身体的拘束等の記録</t>
    <rPh sb="1" eb="6">
      <t>シンタイテキコウソク</t>
    </rPh>
    <rPh sb="6" eb="7">
      <t>トウ</t>
    </rPh>
    <rPh sb="8" eb="10">
      <t>キロク</t>
    </rPh>
    <phoneticPr fontId="1"/>
  </si>
  <si>
    <t>□職場におけるハラスメ</t>
    <rPh sb="1" eb="3">
      <t>ショクバ</t>
    </rPh>
    <phoneticPr fontId="1"/>
  </si>
  <si>
    <t>(2) 感染症及び食中毒の予防及びまん延の防止のための指針を整備して</t>
    <rPh sb="4" eb="7">
      <t>カンセンショウ</t>
    </rPh>
    <rPh sb="7" eb="8">
      <t>オヨ</t>
    </rPh>
    <rPh sb="9" eb="12">
      <t>ショクチュウドク</t>
    </rPh>
    <rPh sb="13" eb="16">
      <t>ヨボウオヨ</t>
    </rPh>
    <rPh sb="19" eb="20">
      <t>エン</t>
    </rPh>
    <rPh sb="21" eb="23">
      <t>ボウシ</t>
    </rPh>
    <rPh sb="27" eb="29">
      <t>シシン</t>
    </rPh>
    <rPh sb="30" eb="32">
      <t>セイビ</t>
    </rPh>
    <phoneticPr fontId="1"/>
  </si>
  <si>
    <t>(1) 感染症又は食中毒の予防及びまん延の防止のための対策を検討する</t>
    <rPh sb="4" eb="7">
      <t>カンセンショウ</t>
    </rPh>
    <rPh sb="7" eb="8">
      <t>マタ</t>
    </rPh>
    <rPh sb="9" eb="12">
      <t>ショクチュウドク</t>
    </rPh>
    <rPh sb="13" eb="16">
      <t>ヨボウオヨ</t>
    </rPh>
    <rPh sb="19" eb="20">
      <t>エン</t>
    </rPh>
    <rPh sb="21" eb="23">
      <t>ボウシ</t>
    </rPh>
    <rPh sb="27" eb="29">
      <t>タイサク</t>
    </rPh>
    <rPh sb="30" eb="32">
      <t>ケントウ</t>
    </rPh>
    <phoneticPr fontId="1"/>
  </si>
  <si>
    <t>　・入所者の病状が急変した場合等に、医師又は看護職員が相談対応を</t>
    <rPh sb="2" eb="5">
      <t>ニュウショシャ</t>
    </rPh>
    <rPh sb="6" eb="8">
      <t>ビョウジョウ</t>
    </rPh>
    <rPh sb="9" eb="11">
      <t>キュウヘン</t>
    </rPh>
    <rPh sb="13" eb="15">
      <t>バアイ</t>
    </rPh>
    <rPh sb="15" eb="16">
      <t>トウ</t>
    </rPh>
    <rPh sb="18" eb="20">
      <t>イシ</t>
    </rPh>
    <rPh sb="20" eb="21">
      <t>マタ</t>
    </rPh>
    <rPh sb="22" eb="24">
      <t>カンゴ</t>
    </rPh>
    <rPh sb="24" eb="26">
      <t>ショクイン</t>
    </rPh>
    <rPh sb="29" eb="31">
      <t>タイオウ</t>
    </rPh>
    <phoneticPr fontId="1"/>
  </si>
  <si>
    <t>　　行う体制を常時確保していること。</t>
    <rPh sb="2" eb="3">
      <t>オコナ</t>
    </rPh>
    <phoneticPr fontId="1"/>
  </si>
  <si>
    <t>　・施設からの診療の求めがあった場合に、診療を行う体制を常時確保</t>
    <rPh sb="2" eb="4">
      <t>シセツ</t>
    </rPh>
    <rPh sb="7" eb="9">
      <t>シンリョウ</t>
    </rPh>
    <rPh sb="10" eb="11">
      <t>モト</t>
    </rPh>
    <rPh sb="16" eb="18">
      <t>バアイ</t>
    </rPh>
    <rPh sb="20" eb="22">
      <t>シンリョウ</t>
    </rPh>
    <rPh sb="23" eb="24">
      <t>オコナ</t>
    </rPh>
    <rPh sb="25" eb="27">
      <t>タイセイ</t>
    </rPh>
    <rPh sb="28" eb="30">
      <t>ジョウジ</t>
    </rPh>
    <rPh sb="30" eb="32">
      <t>カクホ</t>
    </rPh>
    <phoneticPr fontId="1"/>
  </si>
  <si>
    <t>　　していること。</t>
    <phoneticPr fontId="1"/>
  </si>
  <si>
    <t>(5) 第二種協定指定医療機関との間で、新興感染症の発生時等の対応を</t>
    <rPh sb="4" eb="6">
      <t>ダイニ</t>
    </rPh>
    <rPh sb="6" eb="7">
      <t>シュ</t>
    </rPh>
    <rPh sb="7" eb="9">
      <t>キョウテイ</t>
    </rPh>
    <rPh sb="9" eb="11">
      <t>シテイ</t>
    </rPh>
    <rPh sb="11" eb="13">
      <t>イリョウ</t>
    </rPh>
    <rPh sb="13" eb="15">
      <t>キカン</t>
    </rPh>
    <rPh sb="17" eb="18">
      <t>アイダ</t>
    </rPh>
    <rPh sb="20" eb="22">
      <t>シンコウ</t>
    </rPh>
    <rPh sb="22" eb="25">
      <t>カンセンショウ</t>
    </rPh>
    <rPh sb="26" eb="28">
      <t>ハッセイ</t>
    </rPh>
    <rPh sb="28" eb="29">
      <t>ジ</t>
    </rPh>
    <rPh sb="29" eb="30">
      <t>トウ</t>
    </rPh>
    <rPh sb="31" eb="33">
      <t>タイオウ</t>
    </rPh>
    <phoneticPr fontId="1"/>
  </si>
  <si>
    <t>　取り決めているか。</t>
    <rPh sb="1" eb="2">
      <t>ト</t>
    </rPh>
    <rPh sb="3" eb="4">
      <t>キ</t>
    </rPh>
    <phoneticPr fontId="1"/>
  </si>
  <si>
    <t>(6) 入所者が入院し、退院が可能となった場合に、再び入所させている</t>
    <rPh sb="4" eb="7">
      <t>ニュウショシャ</t>
    </rPh>
    <rPh sb="8" eb="10">
      <t>ニュウイン</t>
    </rPh>
    <rPh sb="12" eb="14">
      <t>タイイン</t>
    </rPh>
    <rPh sb="15" eb="17">
      <t>カノウ</t>
    </rPh>
    <rPh sb="21" eb="23">
      <t>バアイ</t>
    </rPh>
    <rPh sb="25" eb="26">
      <t>フタタ</t>
    </rPh>
    <rPh sb="27" eb="29">
      <t>ニュウショ</t>
    </rPh>
    <phoneticPr fontId="1"/>
  </si>
  <si>
    <t>(1) 苦情受付の窓口を設置するなど、必要な措置を講じているか。</t>
    <rPh sb="4" eb="6">
      <t>クジョウ</t>
    </rPh>
    <rPh sb="6" eb="8">
      <t>ウケツケ</t>
    </rPh>
    <rPh sb="9" eb="11">
      <t>マドグチ</t>
    </rPh>
    <rPh sb="12" eb="14">
      <t>セッチ</t>
    </rPh>
    <rPh sb="19" eb="21">
      <t>ヒツヨウ</t>
    </rPh>
    <rPh sb="22" eb="24">
      <t>ソチ</t>
    </rPh>
    <rPh sb="25" eb="26">
      <t>コウ</t>
    </rPh>
    <phoneticPr fontId="1"/>
  </si>
  <si>
    <t>(1) 事故発生防止のための指針を整備しているか。</t>
    <rPh sb="4" eb="6">
      <t>ジコ</t>
    </rPh>
    <rPh sb="6" eb="8">
      <t>ハッセイ</t>
    </rPh>
    <rPh sb="8" eb="10">
      <t>ボウシ</t>
    </rPh>
    <rPh sb="14" eb="16">
      <t>シシン</t>
    </rPh>
    <rPh sb="17" eb="19">
      <t>セイビ</t>
    </rPh>
    <phoneticPr fontId="1"/>
  </si>
  <si>
    <t>□市町村、入所者家族等</t>
    <rPh sb="1" eb="4">
      <t>シチョウソン</t>
    </rPh>
    <rPh sb="5" eb="8">
      <t>ニュウショシャ</t>
    </rPh>
    <rPh sb="8" eb="10">
      <t>カゾク</t>
    </rPh>
    <rPh sb="10" eb="11">
      <t>トウ</t>
    </rPh>
    <phoneticPr fontId="1"/>
  </si>
  <si>
    <t>　への報告記録</t>
    <rPh sb="3" eb="5">
      <t>ホウコク</t>
    </rPh>
    <rPh sb="5" eb="7">
      <t>キロク</t>
    </rPh>
    <phoneticPr fontId="1"/>
  </si>
  <si>
    <t>□事故記録</t>
    <rPh sb="1" eb="3">
      <t>ジコ</t>
    </rPh>
    <rPh sb="3" eb="5">
      <t>キロク</t>
    </rPh>
    <phoneticPr fontId="1"/>
  </si>
  <si>
    <t>□損害賠償の実施状況が</t>
    <rPh sb="1" eb="3">
      <t>ソンガイ</t>
    </rPh>
    <rPh sb="3" eb="5">
      <t>バイショウ</t>
    </rPh>
    <rPh sb="6" eb="8">
      <t>ジッシ</t>
    </rPh>
    <rPh sb="8" eb="10">
      <t>ジョウキョウ</t>
    </rPh>
    <phoneticPr fontId="1"/>
  </si>
  <si>
    <t>(2) 虐待の防止のための指針を整備しているか。</t>
    <rPh sb="4" eb="6">
      <t>ギャクタイ</t>
    </rPh>
    <rPh sb="7" eb="9">
      <t>ボウシ</t>
    </rPh>
    <rPh sb="13" eb="15">
      <t>シシン</t>
    </rPh>
    <rPh sb="16" eb="18">
      <t>セイビ</t>
    </rPh>
    <phoneticPr fontId="1"/>
  </si>
  <si>
    <t>(3) 職員に対して虐待の防止のための研修を定期的に実施しているか。</t>
    <rPh sb="4" eb="6">
      <t>ショクイン</t>
    </rPh>
    <rPh sb="7" eb="8">
      <t>タイ</t>
    </rPh>
    <rPh sb="10" eb="12">
      <t>ギャクタイ</t>
    </rPh>
    <rPh sb="13" eb="15">
      <t>ボウシ</t>
    </rPh>
    <rPh sb="19" eb="21">
      <t>ケンシュウ</t>
    </rPh>
    <rPh sb="22" eb="25">
      <t>テイキテキ</t>
    </rPh>
    <rPh sb="26" eb="28">
      <t>ジッシ</t>
    </rPh>
    <phoneticPr fontId="1"/>
  </si>
  <si>
    <t>(4) 上記の措置を適切に実施するための担当者を置いているか。</t>
    <rPh sb="4" eb="6">
      <t>ジョウキ</t>
    </rPh>
    <rPh sb="7" eb="9">
      <t>ソチ</t>
    </rPh>
    <rPh sb="10" eb="12">
      <t>テキセツ</t>
    </rPh>
    <rPh sb="13" eb="15">
      <t>ジッシ</t>
    </rPh>
    <rPh sb="20" eb="23">
      <t>タントウシャ</t>
    </rPh>
    <rPh sb="24" eb="25">
      <t>オ</t>
    </rPh>
    <phoneticPr fontId="1"/>
  </si>
  <si>
    <t>□委員会の議事録</t>
    <rPh sb="1" eb="4">
      <t>イインカイ</t>
    </rPh>
    <rPh sb="5" eb="8">
      <t>ギジロク</t>
    </rPh>
    <phoneticPr fontId="1"/>
  </si>
  <si>
    <t>　がわかるもの</t>
    <phoneticPr fontId="1"/>
  </si>
  <si>
    <t>　　（Ⅳ－１７－(1)（p.31）において確認）</t>
    <rPh sb="21" eb="23">
      <t>カクニン</t>
    </rPh>
    <phoneticPr fontId="1"/>
  </si>
  <si>
    <t>□職員へ周知したことが</t>
    <rPh sb="1" eb="3">
      <t>ショクイン</t>
    </rPh>
    <rPh sb="4" eb="6">
      <t>シュウチ</t>
    </rPh>
    <phoneticPr fontId="1"/>
  </si>
  <si>
    <t>　わかるもの</t>
    <phoneticPr fontId="1"/>
  </si>
  <si>
    <t>　・感染症対策担当者を置いているか。</t>
    <rPh sb="2" eb="5">
      <t>カンセンショウ</t>
    </rPh>
    <rPh sb="5" eb="7">
      <t>タイサク</t>
    </rPh>
    <rPh sb="7" eb="10">
      <t>タントウシャ</t>
    </rPh>
    <rPh sb="11" eb="12">
      <t>オ</t>
    </rPh>
    <phoneticPr fontId="1"/>
  </si>
  <si>
    <t>　　（Ⅳ－１７－(2)（p.31）において確認）</t>
    <rPh sb="21" eb="23">
      <t>カクニン</t>
    </rPh>
    <phoneticPr fontId="1"/>
  </si>
  <si>
    <t>　・上記の措置を適切に実施するための担当者を置いているか。</t>
    <rPh sb="2" eb="4">
      <t>ジョウキ</t>
    </rPh>
    <rPh sb="5" eb="7">
      <t>ソチ</t>
    </rPh>
    <rPh sb="8" eb="10">
      <t>テキセツ</t>
    </rPh>
    <rPh sb="11" eb="13">
      <t>ジッシ</t>
    </rPh>
    <rPh sb="18" eb="21">
      <t>タントウシャ</t>
    </rPh>
    <rPh sb="22" eb="23">
      <t>オ</t>
    </rPh>
    <phoneticPr fontId="1"/>
  </si>
  <si>
    <t>　・虐待の防止のための指針を整備しているか。</t>
    <rPh sb="2" eb="4">
      <t>ギャクタイ</t>
    </rPh>
    <rPh sb="5" eb="7">
      <t>ボウシ</t>
    </rPh>
    <rPh sb="11" eb="13">
      <t>シシン</t>
    </rPh>
    <rPh sb="14" eb="16">
      <t>セイビ</t>
    </rPh>
    <phoneticPr fontId="1"/>
  </si>
  <si>
    <t>　・職員に対して虐待の防止のための研修を定期的に実施しているか。</t>
    <rPh sb="2" eb="4">
      <t>ショクイン</t>
    </rPh>
    <rPh sb="5" eb="6">
      <t>タイ</t>
    </rPh>
    <rPh sb="8" eb="10">
      <t>ギャクタイ</t>
    </rPh>
    <rPh sb="11" eb="13">
      <t>ボウシ</t>
    </rPh>
    <rPh sb="17" eb="19">
      <t>ケンシュウ</t>
    </rPh>
    <rPh sb="20" eb="23">
      <t>テイキテキ</t>
    </rPh>
    <rPh sb="24" eb="26">
      <t>ジッシ</t>
    </rPh>
    <phoneticPr fontId="1"/>
  </si>
  <si>
    <t>○解釈通知第3-1-(5)
・施設長は常勤であり、かつ、原則として専ら当該経費老人ホームの管理業務に従事するものとする。ただし、以
　下の場合であって、当該事業所の管理業務に支障がないときは、他の職務を兼ねることができるものとする。
　①当該経費老人ホームの従業者としての職務に従事する場合
　②同一の事業者によって設置された他の事業所、施設等の施設長又は従業者としての職務に従事する場合であって、
　　当該他の事業所、施設等の施設長又は従業者としての職務に従事する時間帯も、当該経費老人ホームの入所者への
　　サービス提供の場面等で生じる事象を適時かつ適切に把握でき、職員及び業務の一元的な管理・指揮命令に支障が
　　生じないときに、当該他の事業所、施設等の施設長又は従事者としての職務に従事する場合（この場合の他の事業
　　所、施設等の事業の内容は問わないが、例えば、管理すべき事業所数が過剰であると個別に判断される場合や、併
　　節される入所施設において入所者に対しサービス提供を行う看護職員と兼務する場合（施設における勤務時間が極
　　めて限られている場合を除く。）、事故発生時等の緊急時において施設長自身が速やかに当該経費老人ホームに駆
　　け付けることができない体制となっている場合などは、管理業務に支障があると考えられる。）</t>
    <rPh sb="1" eb="3">
      <t>カイシャク</t>
    </rPh>
    <rPh sb="3" eb="5">
      <t>ツウチ</t>
    </rPh>
    <rPh sb="5" eb="6">
      <t>ダイ</t>
    </rPh>
    <rPh sb="37" eb="39">
      <t>ケイヒ</t>
    </rPh>
    <rPh sb="121" eb="123">
      <t>ケイヒ</t>
    </rPh>
    <rPh sb="240" eb="242">
      <t>ケイヒ</t>
    </rPh>
    <rPh sb="418" eb="419">
      <t>セツ</t>
    </rPh>
    <rPh sb="422" eb="424">
      <t>ニュウショ</t>
    </rPh>
    <rPh sb="424" eb="426">
      <t>シセツ</t>
    </rPh>
    <rPh sb="430" eb="433">
      <t>ニュウショシャ</t>
    </rPh>
    <rPh sb="434" eb="435">
      <t>タイ</t>
    </rPh>
    <rPh sb="440" eb="442">
      <t>テイキョウ</t>
    </rPh>
    <rPh sb="443" eb="444">
      <t>オコナ</t>
    </rPh>
    <rPh sb="514" eb="516">
      <t>ケイヒ</t>
    </rPh>
    <phoneticPr fontId="1"/>
  </si>
  <si>
    <t>〇解釈通知第5-4
【身体的拘束等を行う場合の記録の整備】
・緊急やむを得ない理由により身体的拘束等を行う場合、その態様及び時間、入所者の心身の状況並びに緊急やむを得
　ない理由を記録しなければならない。
・緊急やむを得ない理由については、切迫性、非代替性及び一時性の3つの要件を満たすことについて、組織等として
　これらの要件の確認等の手続きを極めて慎重に行い、その具体的な内容について記録しておくことが必要である。
・身体的拘束等を行った場合の記録は、5年間（※）保存しなければならない。
　※解釈通知上は基準省令の規定により完結の日から2年間とされているが、本市においては基準条例第9条の規定によ
　　り完結の日から5年間。</t>
    <rPh sb="82" eb="83">
      <t>エ</t>
    </rPh>
    <rPh sb="203" eb="205">
      <t>ヒツヨウ</t>
    </rPh>
    <rPh sb="211" eb="214">
      <t>シンタイテキ</t>
    </rPh>
    <rPh sb="214" eb="216">
      <t>コウソク</t>
    </rPh>
    <rPh sb="216" eb="217">
      <t>トウ</t>
    </rPh>
    <rPh sb="218" eb="219">
      <t>オコナ</t>
    </rPh>
    <rPh sb="221" eb="223">
      <t>バアイ</t>
    </rPh>
    <phoneticPr fontId="1"/>
  </si>
  <si>
    <t>【身体的拘束等適正化検討委員会】
・幅広い職種（例えば、施設長、事務長、介護職員、生活相談員）により構成する。構成メンバーの責務及び役割分担
　を明確にし、身体的拘束等の適正化対応策を担当する者を決めておくことが必要である。
・同一施設内での複数担当（※）の兼務や他の事業所・施設等との担当（※）の兼務については、担当者としての職務
　に支障がなければ差し支えない。ただし、日常的に兼務先の各事業所内の業務に従事しており、入所者や施設の状況
　を適切に把握している者など、各担当者としての職務を遂行する上で支障がないと考えられる者を選任すること。
　※身体的拘束等適正化担当者、褥瘡予防対策担当者（看護師が望ましい。）、感染対策担当者（看護師が望ましい。
　　）、事故の発生又はその再発を防止するための措置を適切に実施するための担当者、虐待の発生又はその再発を防
　　止するための措置を適切に実施するための担当者
・運営委員会など他の委員会と独立して設置・運営することが必要であるが、関係する職種、取り扱う事項等が相互に
　関係が深いと認められる他の会議体を設置している場合、これと一体的に設置・運営することも差し支えない。
・責任者はケア全般の責任者であることが望ましい。
・精神科専門医等の専門医の活用等、第三者や専門家を活用することが望ましい。
・テレビ電話装置等を活用する際は、個人情報保護委員会・厚生労働省「医療・介護関係事業者における個人情報の適
　切な取扱いのためのガイダンス」、厚生労働省「医療情報システムの安全管理に関するガイドライン」等を遵守する
　こと。
・報告、改善のための方策を定め、周知徹底する目的は、身体拘束等の適正化について施設全体で銃砲共有し、今後の
　再発防止につなげるためのものであり、決して従業者の懲罰を目的にしたものではないことに留意すること。</t>
    <rPh sb="1" eb="4">
      <t>シンタイテキ</t>
    </rPh>
    <rPh sb="4" eb="6">
      <t>コウソク</t>
    </rPh>
    <rPh sb="6" eb="7">
      <t>トウ</t>
    </rPh>
    <rPh sb="7" eb="10">
      <t>テキセイカ</t>
    </rPh>
    <rPh sb="10" eb="12">
      <t>ケントウ</t>
    </rPh>
    <rPh sb="12" eb="15">
      <t>イインカイ</t>
    </rPh>
    <rPh sb="18" eb="20">
      <t>ハバヒロ</t>
    </rPh>
    <rPh sb="21" eb="23">
      <t>ショクシュ</t>
    </rPh>
    <rPh sb="24" eb="25">
      <t>タト</t>
    </rPh>
    <rPh sb="28" eb="30">
      <t>シセツ</t>
    </rPh>
    <rPh sb="30" eb="31">
      <t>チョウ</t>
    </rPh>
    <rPh sb="32" eb="35">
      <t>ジムチョウ</t>
    </rPh>
    <rPh sb="36" eb="38">
      <t>カイゴ</t>
    </rPh>
    <rPh sb="38" eb="40">
      <t>ショクイン</t>
    </rPh>
    <rPh sb="41" eb="43">
      <t>セイカツ</t>
    </rPh>
    <rPh sb="43" eb="46">
      <t>ソウダンイン</t>
    </rPh>
    <rPh sb="50" eb="52">
      <t>コウセイ</t>
    </rPh>
    <rPh sb="55" eb="57">
      <t>コウセイ</t>
    </rPh>
    <rPh sb="62" eb="64">
      <t>セキム</t>
    </rPh>
    <rPh sb="64" eb="65">
      <t>オヨ</t>
    </rPh>
    <rPh sb="66" eb="68">
      <t>ヤクワリ</t>
    </rPh>
    <rPh sb="68" eb="70">
      <t>ブンタン</t>
    </rPh>
    <rPh sb="73" eb="75">
      <t>メイカク</t>
    </rPh>
    <rPh sb="78" eb="81">
      <t>シンタイテキ</t>
    </rPh>
    <rPh sb="81" eb="83">
      <t>コウソク</t>
    </rPh>
    <rPh sb="83" eb="84">
      <t>トウ</t>
    </rPh>
    <rPh sb="85" eb="88">
      <t>テキセイカ</t>
    </rPh>
    <rPh sb="88" eb="90">
      <t>タイオウ</t>
    </rPh>
    <rPh sb="90" eb="91">
      <t>サク</t>
    </rPh>
    <rPh sb="92" eb="94">
      <t>タントウ</t>
    </rPh>
    <rPh sb="96" eb="97">
      <t>モノ</t>
    </rPh>
    <rPh sb="98" eb="99">
      <t>キ</t>
    </rPh>
    <rPh sb="106" eb="108">
      <t>ヒツヨウ</t>
    </rPh>
    <rPh sb="408" eb="410">
      <t>ウンエイ</t>
    </rPh>
    <rPh sb="410" eb="413">
      <t>イインカイ</t>
    </rPh>
    <rPh sb="415" eb="416">
      <t>タ</t>
    </rPh>
    <rPh sb="417" eb="420">
      <t>イインカイ</t>
    </rPh>
    <rPh sb="421" eb="423">
      <t>ドクリツ</t>
    </rPh>
    <rPh sb="425" eb="427">
      <t>セッチ</t>
    </rPh>
    <rPh sb="428" eb="430">
      <t>ウンエイ</t>
    </rPh>
    <rPh sb="435" eb="437">
      <t>ヒツヨウ</t>
    </rPh>
    <rPh sb="442" eb="444">
      <t>カンケイ</t>
    </rPh>
    <rPh sb="446" eb="448">
      <t>ショクシュ</t>
    </rPh>
    <rPh sb="449" eb="450">
      <t>ト</t>
    </rPh>
    <rPh sb="451" eb="452">
      <t>アツカ</t>
    </rPh>
    <rPh sb="453" eb="455">
      <t>ジコウ</t>
    </rPh>
    <rPh sb="455" eb="456">
      <t>トウ</t>
    </rPh>
    <rPh sb="457" eb="459">
      <t>ソウゴ</t>
    </rPh>
    <rPh sb="462" eb="464">
      <t>カンケイ</t>
    </rPh>
    <rPh sb="465" eb="466">
      <t>フカ</t>
    </rPh>
    <rPh sb="468" eb="469">
      <t>ミト</t>
    </rPh>
    <rPh sb="473" eb="474">
      <t>タ</t>
    </rPh>
    <rPh sb="475" eb="478">
      <t>カイギタイ</t>
    </rPh>
    <rPh sb="479" eb="481">
      <t>セッチ</t>
    </rPh>
    <rPh sb="485" eb="487">
      <t>バアイ</t>
    </rPh>
    <rPh sb="491" eb="494">
      <t>イッタイテキ</t>
    </rPh>
    <rPh sb="495" eb="497">
      <t>セッチ</t>
    </rPh>
    <rPh sb="498" eb="500">
      <t>ウンエイ</t>
    </rPh>
    <rPh sb="505" eb="506">
      <t>サ</t>
    </rPh>
    <rPh sb="507" eb="508">
      <t>ツカ</t>
    </rPh>
    <rPh sb="514" eb="517">
      <t>セキニンシャ</t>
    </rPh>
    <rPh sb="520" eb="522">
      <t>ゼンパン</t>
    </rPh>
    <rPh sb="523" eb="526">
      <t>セキニンシャ</t>
    </rPh>
    <rPh sb="532" eb="533">
      <t>ノゾ</t>
    </rPh>
    <rPh sb="539" eb="542">
      <t>セイシンカ</t>
    </rPh>
    <rPh sb="542" eb="544">
      <t>センモン</t>
    </rPh>
    <rPh sb="544" eb="545">
      <t>イ</t>
    </rPh>
    <rPh sb="545" eb="546">
      <t>トウ</t>
    </rPh>
    <rPh sb="547" eb="549">
      <t>センモン</t>
    </rPh>
    <rPh sb="549" eb="550">
      <t>イ</t>
    </rPh>
    <rPh sb="551" eb="553">
      <t>カツヨウ</t>
    </rPh>
    <rPh sb="553" eb="554">
      <t>トウ</t>
    </rPh>
    <rPh sb="555" eb="558">
      <t>ダイサンシャ</t>
    </rPh>
    <rPh sb="559" eb="562">
      <t>センモンカ</t>
    </rPh>
    <rPh sb="563" eb="565">
      <t>カツヨウ</t>
    </rPh>
    <rPh sb="570" eb="571">
      <t>ノゾ</t>
    </rPh>
    <rPh sb="580" eb="582">
      <t>デンワ</t>
    </rPh>
    <rPh sb="582" eb="584">
      <t>ソウチ</t>
    </rPh>
    <rPh sb="584" eb="585">
      <t>トウ</t>
    </rPh>
    <rPh sb="586" eb="588">
      <t>カツヨウ</t>
    </rPh>
    <rPh sb="590" eb="591">
      <t>サイ</t>
    </rPh>
    <rPh sb="593" eb="595">
      <t>コジン</t>
    </rPh>
    <rPh sb="595" eb="597">
      <t>ジョウホウ</t>
    </rPh>
    <rPh sb="597" eb="599">
      <t>ホゴ</t>
    </rPh>
    <rPh sb="599" eb="602">
      <t>イインカイ</t>
    </rPh>
    <rPh sb="603" eb="605">
      <t>コウセイ</t>
    </rPh>
    <rPh sb="605" eb="608">
      <t>ロウドウショウ</t>
    </rPh>
    <rPh sb="609" eb="611">
      <t>イリョウ</t>
    </rPh>
    <rPh sb="612" eb="614">
      <t>カイゴ</t>
    </rPh>
    <rPh sb="614" eb="616">
      <t>カンケイ</t>
    </rPh>
    <rPh sb="616" eb="619">
      <t>ジギョウシャ</t>
    </rPh>
    <rPh sb="623" eb="625">
      <t>コジン</t>
    </rPh>
    <rPh sb="625" eb="627">
      <t>ジョウホウ</t>
    </rPh>
    <rPh sb="633" eb="635">
      <t>トリアツカ</t>
    </rPh>
    <rPh sb="647" eb="649">
      <t>コウセイ</t>
    </rPh>
    <rPh sb="649" eb="652">
      <t>ロウドウショウ</t>
    </rPh>
    <rPh sb="653" eb="655">
      <t>イリョウ</t>
    </rPh>
    <rPh sb="655" eb="657">
      <t>ジョウホウ</t>
    </rPh>
    <rPh sb="662" eb="664">
      <t>アンゼン</t>
    </rPh>
    <rPh sb="664" eb="666">
      <t>カンリ</t>
    </rPh>
    <rPh sb="667" eb="668">
      <t>カン</t>
    </rPh>
    <rPh sb="677" eb="678">
      <t>トウ</t>
    </rPh>
    <rPh sb="679" eb="681">
      <t>ジュンシュ</t>
    </rPh>
    <rPh sb="690" eb="692">
      <t>ホウコク</t>
    </rPh>
    <rPh sb="693" eb="695">
      <t>カイゼン</t>
    </rPh>
    <rPh sb="699" eb="701">
      <t>ホウサク</t>
    </rPh>
    <rPh sb="702" eb="703">
      <t>サダ</t>
    </rPh>
    <rPh sb="705" eb="707">
      <t>シュウチ</t>
    </rPh>
    <rPh sb="707" eb="709">
      <t>テッテイ</t>
    </rPh>
    <rPh sb="711" eb="713">
      <t>モクテキ</t>
    </rPh>
    <rPh sb="715" eb="717">
      <t>シンタイ</t>
    </rPh>
    <rPh sb="717" eb="719">
      <t>コウソク</t>
    </rPh>
    <rPh sb="719" eb="720">
      <t>トウ</t>
    </rPh>
    <rPh sb="721" eb="724">
      <t>テキセイカ</t>
    </rPh>
    <rPh sb="728" eb="732">
      <t>シセツゼンタイ</t>
    </rPh>
    <rPh sb="733" eb="735">
      <t>ジュウホウ</t>
    </rPh>
    <rPh sb="735" eb="737">
      <t>キョウユウ</t>
    </rPh>
    <rPh sb="739" eb="741">
      <t>コンゴ</t>
    </rPh>
    <rPh sb="744" eb="748">
      <t>サイハツボウシ</t>
    </rPh>
    <rPh sb="762" eb="763">
      <t>ケッ</t>
    </rPh>
    <rPh sb="765" eb="768">
      <t>ジュウギョウシャ</t>
    </rPh>
    <rPh sb="769" eb="771">
      <t>チョウバツ</t>
    </rPh>
    <rPh sb="772" eb="774">
      <t>モクテキ</t>
    </rPh>
    <rPh sb="786" eb="788">
      <t>リュウイ</t>
    </rPh>
    <phoneticPr fontId="1"/>
  </si>
  <si>
    <t>○解釈通知第5-11-(3)（第3項関係）
・認知症介護基礎研修を受講させるために必要な措置の義務付けの対象とならない者は、看護師、准看護師、介護福祉
　士、介護支援専門員、実務者研修修了者、介護職員初任者研修修了者、生活援助従事者研修修了者、介護職員基礎研
　修課程修了者、訪問介護員養成研修課程一級課程・二級課程修了者、社会福祉士、医師、歯科医師、薬剤師、理学療
　法士、作業療法士、言語聴覚士、精神保健福祉士、管理栄養士、栄養士、あん摩マッサージ師、はり師、きゅう師等
　とする。</t>
    <rPh sb="1" eb="3">
      <t>カイシャク</t>
    </rPh>
    <rPh sb="3" eb="5">
      <t>ツウチ</t>
    </rPh>
    <rPh sb="5" eb="6">
      <t>ダイ</t>
    </rPh>
    <phoneticPr fontId="1"/>
  </si>
  <si>
    <t>○解釈通知第5-13-(2)（第2項関係）
【感染対策委員会】
・幅広い職種（例えば、施設長、事務長、介護職員、栄養士、生活相談員、施設外の感染管理等の専門家など）により
　構成する。構成メンバーの責務及び役割分担を明確にし、感染対策担当者を決めておくことが必要である。
・感染対策担当者は看護師であることが望ましい。なお、同一施設内での複数担当（※）の兼務や他の事業所・施設等
　との担当（※）の兼務については、担当者としての職務に支障がなければ差し支えない。ただし、日常的に兼務先の
　各事業所内の業務に従事しており、入所者や施設の状況を適切に把握している者など、各担当者としての職務を遂行
　する上で支障がないと考えられる者を選任すること。
　※身体的拘束等適正化担当者、褥瘡予防対策担当者（看護師が望ましい。）、感染対策担当者（看護師が望ましい。
　　）、事故の発生又はその再発を防止するための措置を適切に実施するための担当者、虐待の発生又はその再発を防
　　止するための措置を適切に実施するための担当者
・施設外の感染管理等の専門家を委員として積極的に活用することが望ましい。
・入所者の状況など施設の状況に応じ、おおむね3月に1回以上定期的に開催するとともに、感染症が流行する時期等を
　勘案して必要に応じ随時開催する必要がある。
・運営委員会など他の委員会と独立して設置・運営することが必要であるが、関係する職種、取り扱う事項等が相互に
　関係が深いと認められる他の会議体を設置している場合、これと一体的に設置・運営することも差し支えない。
・テレビ電話装置等を活用する際は、個人情報保護委員会・厚生労働省「医療・介護関係事業者における個人情報の適
　切な取扱いのためのガイダンス」、厚生労働省「医療情報システムの安全管理に関するガイドライン」等を遵守する
　こと。</t>
    <rPh sb="1" eb="3">
      <t>カイシャク</t>
    </rPh>
    <rPh sb="3" eb="5">
      <t>ツウチ</t>
    </rPh>
    <rPh sb="5" eb="6">
      <t>ダイ</t>
    </rPh>
    <rPh sb="15" eb="16">
      <t>ダイ</t>
    </rPh>
    <rPh sb="17" eb="18">
      <t>コウ</t>
    </rPh>
    <rPh sb="18" eb="20">
      <t>カンケイ</t>
    </rPh>
    <rPh sb="23" eb="25">
      <t>カンセン</t>
    </rPh>
    <rPh sb="25" eb="27">
      <t>タイサク</t>
    </rPh>
    <rPh sb="27" eb="30">
      <t>イインカイ</t>
    </rPh>
    <rPh sb="56" eb="59">
      <t>エイヨウシ</t>
    </rPh>
    <rPh sb="66" eb="68">
      <t>シセツ</t>
    </rPh>
    <rPh sb="68" eb="69">
      <t>ガイ</t>
    </rPh>
    <rPh sb="70" eb="72">
      <t>カンセン</t>
    </rPh>
    <rPh sb="72" eb="75">
      <t>カンリトウ</t>
    </rPh>
    <rPh sb="76" eb="79">
      <t>センモンカ</t>
    </rPh>
    <rPh sb="113" eb="115">
      <t>カンセン</t>
    </rPh>
    <rPh sb="115" eb="117">
      <t>タイサク</t>
    </rPh>
    <rPh sb="117" eb="120">
      <t>タントウシャ</t>
    </rPh>
    <rPh sb="137" eb="144">
      <t>カンセンタイサクタントウシャ</t>
    </rPh>
    <rPh sb="154" eb="155">
      <t>ノゾ</t>
    </rPh>
    <rPh sb="495" eb="498">
      <t>ニュウショシャ</t>
    </rPh>
    <rPh sb="499" eb="501">
      <t>ジョウキョウ</t>
    </rPh>
    <rPh sb="503" eb="505">
      <t>シセツ</t>
    </rPh>
    <rPh sb="506" eb="508">
      <t>ジョウキョウ</t>
    </rPh>
    <rPh sb="509" eb="510">
      <t>オウ</t>
    </rPh>
    <rPh sb="517" eb="518">
      <t>ツキ</t>
    </rPh>
    <rPh sb="520" eb="523">
      <t>カイイジョウ</t>
    </rPh>
    <rPh sb="523" eb="526">
      <t>テイキテキ</t>
    </rPh>
    <rPh sb="527" eb="529">
      <t>カイサイ</t>
    </rPh>
    <rPh sb="536" eb="539">
      <t>カンセンショウ</t>
    </rPh>
    <rPh sb="540" eb="542">
      <t>リュウコウ</t>
    </rPh>
    <rPh sb="544" eb="547">
      <t>ジキトウ</t>
    </rPh>
    <rPh sb="554" eb="556">
      <t>ヒツヨウ</t>
    </rPh>
    <rPh sb="557" eb="558">
      <t>オウ</t>
    </rPh>
    <rPh sb="559" eb="561">
      <t>ズイジ</t>
    </rPh>
    <rPh sb="561" eb="563">
      <t>カイサイ</t>
    </rPh>
    <rPh sb="565" eb="567">
      <t>ヒツヨウ</t>
    </rPh>
    <phoneticPr fontId="1"/>
  </si>
  <si>
    <t>◎基準条例第27条
1 軽費老人ホームは、入所者の病状の急変等に備えるため、あらかじめ協力医療機関を定めておかなければならない。
2 軽費老人ホームは、前項の規定に基づき協力医療機関を定めるに当たっては、次に掲げる要件を満たす協力医療機関
　を定めるように努めなけらばならない。
　(1) 入所者の病状が急変した場合等において医師又は看護職員が相談対応を行う体制を、常時確保していること。
　(2) 当該軽費老人ホームからの診療の求めがあった場合において診療を行う体制を、常時確保していること。
3 軽費老人ホームは、1年に1回以上、協力医療機関との間で、入所者の病状が急変した場合等の対応を確認するととも
　に、協力医療機関の名称等を、市長に届け出なければならない。
4 軽費老人ホームは、感染症の予防及び感染症の患者に対する医療に関する法律（平成10年法律第114号）第6条第17項
　に規定する第二種協定指定医療機関（次項において「第二種協定指定医療機関」という。）との間で、新興感染症（
　同条第7項に規定する新型インフルエンザ等感染症、同条第8項に規定する指定感染症又は同条第9項に規定する新感
　染症をいう。次項において同じ。）の発生時等の対応を取り決めるように努めなければならない。
5 軽費老人ホームは、協力医療機関が第二種協定指定医療機関である場合においては、当該第二種協定指定医療機関と
　の間で、新興感染症の発生時等の対応について協議を行わなければならない。
6 軽費老人ホームは、入所者が協力医療機関その他の医療機関に入院した後に、当該入所者の病状が軽快し、退院が可
　能となった場合においては、再び当該軽費老人ホームに速やかに入所させることができるように努めなければならな
　い。
7 軽費老人ホームは、あらかじめ協力歯科医療機関を定めておくよう努めなければならない。</t>
    <rPh sb="1" eb="5">
      <t>キジュンジョウレイ</t>
    </rPh>
    <rPh sb="67" eb="69">
      <t>ケイヒ</t>
    </rPh>
    <rPh sb="69" eb="71">
      <t>ロウジン</t>
    </rPh>
    <rPh sb="76" eb="78">
      <t>ゼンコウ</t>
    </rPh>
    <rPh sb="79" eb="81">
      <t>キテイ</t>
    </rPh>
    <rPh sb="82" eb="83">
      <t>モト</t>
    </rPh>
    <rPh sb="85" eb="87">
      <t>キョウリョク</t>
    </rPh>
    <rPh sb="87" eb="89">
      <t>イリョウ</t>
    </rPh>
    <rPh sb="89" eb="91">
      <t>キカン</t>
    </rPh>
    <rPh sb="92" eb="93">
      <t>サダ</t>
    </rPh>
    <rPh sb="96" eb="97">
      <t>ア</t>
    </rPh>
    <rPh sb="102" eb="103">
      <t>ツギ</t>
    </rPh>
    <rPh sb="104" eb="105">
      <t>カカ</t>
    </rPh>
    <rPh sb="107" eb="109">
      <t>ヨウケン</t>
    </rPh>
    <rPh sb="110" eb="111">
      <t>ミ</t>
    </rPh>
    <rPh sb="113" eb="115">
      <t>キョウリョク</t>
    </rPh>
    <rPh sb="115" eb="119">
      <t>イリョウキカン</t>
    </rPh>
    <rPh sb="122" eb="123">
      <t>サダ</t>
    </rPh>
    <rPh sb="128" eb="129">
      <t>ツト</t>
    </rPh>
    <rPh sb="202" eb="204">
      <t>ケイヒ</t>
    </rPh>
    <rPh sb="250" eb="252">
      <t>ケイヒ</t>
    </rPh>
    <rPh sb="337" eb="339">
      <t>ケイヒ</t>
    </rPh>
    <rPh sb="551" eb="553">
      <t>ケイヒ</t>
    </rPh>
    <rPh sb="643" eb="645">
      <t>ケイヒ</t>
    </rPh>
    <rPh sb="714" eb="716">
      <t>ケイヒ</t>
    </rPh>
    <phoneticPr fontId="1"/>
  </si>
  <si>
    <t>(5) 医療機関に入院した入所者の退院後の受け入れ（第6項）
　・「速やかに入所させることができるよう努めなければならない」とは、必ずしも退院後に再入所を希望する入所
　　者のために常に居室を確保しておくということではなく、できる限り円滑に再入所できるよう努めなければな
　　らないということである。</t>
    <rPh sb="93" eb="95">
      <t>キョシツ</t>
    </rPh>
    <phoneticPr fontId="1"/>
  </si>
  <si>
    <t>◎基準条例第31条
1 軽費老人ホームは、その提供したサービスに関する入所者又はその家族からの苦情に迅速かつ適切に対応するために、
　苦情を受け付けるための窓口の設置その他の必要な措置を講じなければならない。
2 軽費老人ホームは、前項の苦情を受け付けた場合は、当該苦情の内容等を記録しなければならない。
3 軽費老人ホームは、その提供したサービスに関し、市から指導又は助言を受けた場合は、当該指導又は助言に従って
　必要な改善を行わなければならない。
4 軽費老人ホームは、市からの求めがあった場合は、前項の改善の内容を市に報告しなければならない。
5 軽費老人ホームは、法第83条に規定する運営適正化委員会が行う法第85条第1項の規定による調査にできる限り協力
　しなければならない。</t>
    <rPh sb="1" eb="3">
      <t>キジュン</t>
    </rPh>
    <rPh sb="3" eb="5">
      <t>ジョウレイ</t>
    </rPh>
    <phoneticPr fontId="1"/>
  </si>
  <si>
    <t>○解釈通知第5-17
・必要な措置とは、苦情を受け付けるための窓口を設置することのほか、苦情窓口、苦情処理の体制及び手順等当該施
　設における苦情を処理するために講じる措置の概要について明らかにし、これを入所者又はその家族にサービスの内
　容を説明する文書に記載するとともに、施設内に掲示し、かつ、ウェブサイトに掲載すること等である。
・ウェブサイトとは、法人のホームページ等のことをいうが、自ら管理するホームページ等を有さず、ウェブサイトへ
　の掲載が過重な負担となる場合は、掲載は行わないことができる。
・苦情がサービスの質の向上を図る上での重要な情報であるとの認識に立ち、苦情の内容を踏まえ、サービスの質の向
　上に向けた取組を自ら行うべきである。
・苦情の内容等の記録は、5年間（※）保存しなければならない。
　※解釈通知上は基準省令の規定により完結の日から2年間とされているが、本市においては基準条例第9条の規定によ
　　り完結の日から5年間。</t>
    <rPh sb="138" eb="140">
      <t>シセツ</t>
    </rPh>
    <rPh sb="140" eb="141">
      <t>ナイ</t>
    </rPh>
    <rPh sb="142" eb="144">
      <t>ケイジ</t>
    </rPh>
    <rPh sb="235" eb="237">
      <t>バアイ</t>
    </rPh>
    <rPh sb="377" eb="379">
      <t>カンケツ</t>
    </rPh>
    <rPh sb="380" eb="381">
      <t>ヒ</t>
    </rPh>
    <rPh sb="417" eb="419">
      <t>カンケツ</t>
    </rPh>
    <rPh sb="420" eb="421">
      <t>ヒ</t>
    </rPh>
    <phoneticPr fontId="1"/>
  </si>
  <si>
    <t>【事故発生防止等の措置を適切に実施するための担当者】
・担当者を置くことが必要である。
・事故防止検討委員会の安全対策を担当する者と同一の職員が務めることが望ましい。
・同一施設内での複数担当（※）の兼務や他の事業所・施設等との担当（※）の兼務については、担当者としての職務
　に支障がなければ差し支えない。ただし、日常的に兼務先の各事業所内の業務に従事しており、入所者や施設の状況
　を適切に把握している者など、各担当者としての職務を遂行する上で支障がないと考えられる者を選任すること。
　※身体的拘束等適正化担当者、褥瘡予防対策担当者（看護師が望ましい。）、感染対策担当者（看護師が望ましい。
　　）、事故の発生又はその再発を防止するための措置を適切に実施するための担当者、虐待の発生又はその再発を防
　　止するための措置を適切に実施するための担当者</t>
    <rPh sb="1" eb="3">
      <t>ジコ</t>
    </rPh>
    <rPh sb="3" eb="5">
      <t>ハッセイ</t>
    </rPh>
    <rPh sb="5" eb="7">
      <t>ボウシ</t>
    </rPh>
    <rPh sb="7" eb="8">
      <t>トウ</t>
    </rPh>
    <rPh sb="9" eb="11">
      <t>ソチ</t>
    </rPh>
    <rPh sb="12" eb="14">
      <t>テキセツ</t>
    </rPh>
    <rPh sb="15" eb="17">
      <t>ジッシ</t>
    </rPh>
    <rPh sb="22" eb="25">
      <t>タントウシャ</t>
    </rPh>
    <rPh sb="28" eb="31">
      <t>タントウシャ</t>
    </rPh>
    <rPh sb="32" eb="33">
      <t>オ</t>
    </rPh>
    <rPh sb="37" eb="39">
      <t>ヒツヨウ</t>
    </rPh>
    <rPh sb="45" eb="54">
      <t>ジコボウシケントウイインカイ</t>
    </rPh>
    <rPh sb="55" eb="57">
      <t>アンゼン</t>
    </rPh>
    <rPh sb="57" eb="59">
      <t>タイサク</t>
    </rPh>
    <rPh sb="60" eb="62">
      <t>タントウ</t>
    </rPh>
    <rPh sb="64" eb="65">
      <t>モノ</t>
    </rPh>
    <rPh sb="66" eb="68">
      <t>ドウイツ</t>
    </rPh>
    <rPh sb="69" eb="71">
      <t>ショクイン</t>
    </rPh>
    <rPh sb="72" eb="73">
      <t>ツト</t>
    </rPh>
    <rPh sb="78" eb="79">
      <t>ノゾ</t>
    </rPh>
    <phoneticPr fontId="1"/>
  </si>
  <si>
    <t>○昭和62年9月18日付け社施第107号厚生省社会・児童家庭局長連名通知「社会福祉施設における防火安全対策の強化に
　ついて」六－（一）
・避難訓練は最低年二回以上実施することとなっているが、この実施に当たっては消防機関の協力を得て行うよう努
　め、特に自力避難困難者の避難・救出訓練及び夜間における避難に重点を置いた訓練等実態に即した訓練を定期的に
　実施すること。
・この場合、職員には消火訓練等も併せて行わせ、平素から消防設備等の操作について熟知させておくこと。
・職員に対しては、火気の取扱いその他火災予防に関する指導監督、防災意識の高揚に努めるとともに入所者に対して
　も常日頃から防災に対する意識の高揚に努めること。</t>
    <phoneticPr fontId="1"/>
  </si>
  <si>
    <t>【業務継続計画の策定関係】
・業務継続計画の記載項目
　①感染症に係る業務継続計画
　　イ　平時からの備え（体制構築・整備、感染症防止に向けた取組の実施、備蓄品の確保等）
　　ロ　初動対応
　　ハ　感染拡大防止体制の確立（保健所との連携、濃厚接触者への対応、関係者との情報共有等）
　②災害に係る業務継続計画
　　イ　平常時の対応（建物・設備の安全対策、電気・水道等のライフラインが停止した場合の対策、必要品の備蓄等
　　　）
　　ロ　緊急時の対応（業務継続計画発動基準、対応体制等）
　　ハ　他施設及び地域との連携
・各項目の記載内容については、「介護施設・事業所における感染症発生時の業務継続ガイドライン」及び「介護施設
　・事業所における自然災害発生時の業務継続ガイドライン」を参照されたい。
・想定される災害等は地域によって異なるものであることから、項目については実態に応じて設定すること。
・感染症及び災害の業務継続計画を一体的に策定することを妨げるものではない。
・感染症に係る業務継続計画、感染症の予防及びまん延の防止のための指針、災害に係る業務継続計画並びに非常災害
　に関する具体的計画については、それぞれに対応する項目を適切に設定している場合には、一体的に策定することと
　して差し支えない。</t>
    <rPh sb="1" eb="7">
      <t>ギョウムケイゾクケイカク</t>
    </rPh>
    <rPh sb="8" eb="10">
      <t>サクテイ</t>
    </rPh>
    <rPh sb="10" eb="12">
      <t>カンケイ</t>
    </rPh>
    <rPh sb="260" eb="263">
      <t>カクコウモク</t>
    </rPh>
    <phoneticPr fontId="1"/>
  </si>
  <si>
    <t>○解釈通知第3-1-(5)
・施設長は常勤であり、かつ、原則として専ら当該軽費老人ホームの管理業務に従事するものとする。ただし、以下の
　場合であって、当該事業所の管理業務に支障がないときは、他の職務を兼ねることができるものとする。
　①当該軽費老人ホームの従業者としての職務に従事する場合
　②同一の事業者によって設置された他の事業所、施設等の施設長又は従業者としての職務に従事する場合であって、
　　当該他の事業所、施設等の施設長又は従業者としての職務に従事する時間帯も、当該軽費老人ホームの入所者への
　　サービス提供の場面等で生じる事象を適時かつ適切に把握でき、職員及び業務の一元的な管理・指揮命令に支障が
　　生じないときに、当該他の事業所、施設等の施設長又は従事者としての職務に従事する場合（この場合の他の事業
　　所、施設等の事業の内容は問わないが、例えば、管理すべき事業所数が過剰であると個別に判断される場合や、事
　　故発生時等の緊急時において施設長自身が速やかに当該軽費老人ホームに駆け付けることができない体制となって
　　いる場合などは、管理業務に支障があると考えられる。）</t>
    <rPh sb="1" eb="3">
      <t>カイシャク</t>
    </rPh>
    <rPh sb="3" eb="5">
      <t>ツウチ</t>
    </rPh>
    <rPh sb="5" eb="6">
      <t>ダイ</t>
    </rPh>
    <rPh sb="37" eb="39">
      <t>ケイヒ</t>
    </rPh>
    <rPh sb="65" eb="66">
      <t>シタ</t>
    </rPh>
    <rPh sb="121" eb="123">
      <t>ケイヒ</t>
    </rPh>
    <rPh sb="240" eb="242">
      <t>ケイヒ</t>
    </rPh>
    <rPh sb="304" eb="306">
      <t>シショウ</t>
    </rPh>
    <rPh sb="359" eb="361">
      <t>ジギョウ</t>
    </rPh>
    <rPh sb="443" eb="445">
      <t>ケイヒ</t>
    </rPh>
    <phoneticPr fontId="1"/>
  </si>
  <si>
    <t>◎基準条例第22条
1 軽費老人ホームの施設長は、軽費老人ホームの職員の管理、業務の実施状況の把握その他の管理を一元的に行わなけ
　ればならない。
2 軽費老人ホームの施設長は、職員に第7条から第9条まで、第12条から前条まで及び次条から第34条までの規定を遵守
　させるために必要な指揮命令を行うものとする。
〇解釈通知第5-9
　軽費老人ホームの施設長の責務を、入所者本位のサービス提供を行うため、入所者へのサービス提供の場面等で生じる
  事象を適時かつ適切に把握しながら、従業者及び業務の管理を一元的に行うとともに、従業者に運営に関する基準の規
　定を遵守させるため必要な指揮命令を行うこととしたものである。</t>
    <phoneticPr fontId="1"/>
  </si>
  <si>
    <t>・具体的には次のようなことを想定している。
　①身体的拘束等について報告するための様式の整備
　②介護職員その他の従業者は、身体的拘束等の発生ごとにその状況、背景等を記録し、①の様式により報告する。
　③委員会において、②により報告された事例を集計し、分析する。
　④事例の分析に当たっては、発生時の状況等を分析し、発生原因、結果等をとりまとめ、当該事例の適正性と適正化
　　策を検討する。
　⑤報告された事例及び分析結果を従業者に周知徹底する。
　⑥適正化策を講じた後に、その効果について評価する。</t>
    <phoneticPr fontId="1"/>
  </si>
  <si>
    <t>　ントによる就業環境悪</t>
    <rPh sb="6" eb="8">
      <t>シュウギョウ</t>
    </rPh>
    <rPh sb="8" eb="10">
      <t>カンキョウ</t>
    </rPh>
    <rPh sb="10" eb="11">
      <t>アク</t>
    </rPh>
    <phoneticPr fontId="1"/>
  </si>
  <si>
    <t>　化防止のための方針</t>
    <rPh sb="1" eb="2">
      <t>カ</t>
    </rPh>
    <rPh sb="2" eb="4">
      <t>ボウシ</t>
    </rPh>
    <rPh sb="8" eb="10">
      <t>ホウシン</t>
    </rPh>
    <phoneticPr fontId="1"/>
  </si>
  <si>
    <t>　場合等の対応を確認しているか。</t>
    <phoneticPr fontId="1"/>
  </si>
  <si>
    <t>○解釈通知第5-14
・協力医療機関及び協力歯科医療機関は、軽費老人ホームから近距離にあることが望ましい。
(1) 協力医療機関との連携（第2項）
　・軽費老人ホームの入所者の病状の急変時等に、相談対応や診療を行う体制を常時確保した協力医療機関を定めるよ
　　う努めなければならない。
　・連携する医療機関は、在宅療養支援病院や在宅療養支援診療所、地域包括ケア病棟 (200床未満）を持つ医療機関
　　等の在宅医療を支援する地域の医療機関（以下、在宅療養支援病院等）と連携を行うこと。
　　が想定される。なお 、令和6年度診療報酬改定において新設される地域包括医療病棟を持つ医療機関は、前述の
　　在宅療養支援病院等を除き、連携の対象として想定される医療機関には含まれないため留意すること。</t>
    <rPh sb="30" eb="32">
      <t>ケイヒ</t>
    </rPh>
    <rPh sb="76" eb="78">
      <t>ケイヒ</t>
    </rPh>
    <rPh sb="131" eb="132">
      <t>ツト</t>
    </rPh>
    <phoneticPr fontId="1"/>
  </si>
  <si>
    <t>(3) 感染症及び食中毒の予防及びまん延の防止のための研修及び訓練を</t>
    <rPh sb="4" eb="7">
      <t>カンセンショウ</t>
    </rPh>
    <rPh sb="7" eb="8">
      <t>オヨ</t>
    </rPh>
    <rPh sb="9" eb="12">
      <t>ショクチュウドク</t>
    </rPh>
    <rPh sb="13" eb="15">
      <t>ヨボウ</t>
    </rPh>
    <rPh sb="15" eb="16">
      <t>オヨ</t>
    </rPh>
    <rPh sb="19" eb="20">
      <t>エン</t>
    </rPh>
    <rPh sb="21" eb="23">
      <t>ボウシ</t>
    </rPh>
    <rPh sb="27" eb="29">
      <t>ケンシュウ</t>
    </rPh>
    <rPh sb="29" eb="30">
      <t>オヨ</t>
    </rPh>
    <rPh sb="31" eb="33">
      <t>クンレン</t>
    </rPh>
    <phoneticPr fontId="1"/>
  </si>
  <si>
    <t>氏　　名</t>
    <rPh sb="0" eb="1">
      <t>シ</t>
    </rPh>
    <rPh sb="3" eb="4">
      <t>メイ</t>
    </rPh>
    <phoneticPr fontId="1"/>
  </si>
  <si>
    <t>職　　種</t>
    <rPh sb="0" eb="1">
      <t>ショク</t>
    </rPh>
    <rPh sb="3" eb="4">
      <t>シュ</t>
    </rPh>
    <phoneticPr fontId="1"/>
  </si>
  <si>
    <t>　３　必要な職員の確保と職員処遇の充実　…………………………………５１</t>
    <rPh sb="3" eb="5">
      <t>ヒツヨウ</t>
    </rPh>
    <rPh sb="6" eb="8">
      <t>ショクイン</t>
    </rPh>
    <rPh sb="9" eb="11">
      <t>カクホ</t>
    </rPh>
    <rPh sb="12" eb="14">
      <t>ショクイン</t>
    </rPh>
    <rPh sb="14" eb="16">
      <t>ショグウ</t>
    </rPh>
    <rPh sb="17" eb="19">
      <t>ジュウジツ</t>
    </rPh>
    <phoneticPr fontId="1"/>
  </si>
  <si>
    <t>◎基準条例第2条
1 軽費老人ホームは、無料又は低額な料金で、身体機能の低下等により自立した日常生活を営むことについて不安があ
　ると認められる者であって、家族による援助を受けることが困難なものを入所させ、食事の提供、入浴等の準備、相
　談及び援助、社会生活上の便宜の供与その他の日常生活上必要な便宜を提供することにより、入所者が安心して生き
　生きと明るく生活できるようにすることを目指すものでなければならない。
2 軽費老人ホームは、入所者の意思及び人格を尊重し、常にその者の立場に立ってサービスの提供を行うように努めな
　ければならない。
3 軽費老人ホームは、地域や家庭との結び付きを重視した運営を行い、社会福祉事業に関する熱意及び能力を有する職
　員による適切なサービスの提供に努めるとともに、市、老人の福祉を増進することを目的とする事業を行う者その他
　の保健医療サービス又は福祉サービスを提供する者との密接な連携に努めなければならない。
4 軽費老人ホームは、入所者の人権の擁護、虐待の防止等のため、必要な体制の整備を行うとともに、その職員に対
　し、研修を実施する等の措置を講じなければならない。　</t>
    <phoneticPr fontId="1"/>
  </si>
  <si>
    <t>栄養士又は管理栄養士</t>
    <rPh sb="0" eb="3">
      <t>エイヨウシ</t>
    </rPh>
    <rPh sb="3" eb="4">
      <t>マタ</t>
    </rPh>
    <rPh sb="5" eb="7">
      <t>カンリ</t>
    </rPh>
    <rPh sb="7" eb="10">
      <t>エイヨウシ</t>
    </rPh>
    <phoneticPr fontId="1"/>
  </si>
  <si>
    <t>◎基準条例第11条第1項本文
　軽費老人ホームに置くべき職員及びその員数は、次のとおりとする。
　(1) 施設長　1人
　(2) 生活相談員　入所者が120人又はその端数を増すごとに1人以上
　(3) 介護職員
　　ア　一般入所者（入所者であって、指定特定施設入居者生活介護（鹿児島市指定居宅サービス等の事業の人員、設
　　　備及び運営の基準に関する条例（平成24年条例第43号）第216条第1項に規定する指定特定施設入居者生活介護を
　　　いう。以下同じ。）、指定介護予防特定施設入居者生活介護（鹿児島市指定介護予防サービス等の事業の人員、
　　　設備及び運営並びに指定介護予防サービス等に係る介護予防のための効果的な支援の方法の基準に関する条例（
　　　平成24年条例第44号）第202条第1項に規定する指定介護予防特定施設入居者生活介護をいう。以下同じ。）又は
　　　指定地域密着型特定施設入居者生活介護（鹿児島市指定地域密着型サービスの事業の人員、設備及び運営の基準
　　　に関する条例（平成24年条例第45号）第129条第1項に規定する指定地域密着型特定施設入居者生活介護をいう。
　　　以下同じ。）の提供を受けていない者をいう。以下同じ。）が30人以下の軽費老人ホームにあっては、常勤換算
　　　方法で、1人以上
　　イ　一般入所者が30人を超えて80人以下の軽費老人ホームにあっては、常勤換算方法で、2人以上
　　ウ　一般入所者が80人を超える軽費老人ホームにあっては、常勤換算方法で、2人に実情に応じた適当数を加えて
　　　得た数
　(4) 栄養士又は管理栄養士　1人以上
　(5) 事務員　1人以上
　(6) 調理員その他の職員　当該軽費老人ホームの実情に応じた適当数</t>
    <rPh sb="1" eb="3">
      <t>キジュン</t>
    </rPh>
    <rPh sb="3" eb="5">
      <t>ジョウレイ</t>
    </rPh>
    <rPh sb="9" eb="10">
      <t>ダイ</t>
    </rPh>
    <rPh sb="11" eb="12">
      <t>コウ</t>
    </rPh>
    <rPh sb="12" eb="13">
      <t>ホン</t>
    </rPh>
    <rPh sb="13" eb="14">
      <t>ブン</t>
    </rPh>
    <rPh sb="682" eb="683">
      <t>マタ</t>
    </rPh>
    <rPh sb="684" eb="689">
      <t>カンリエイヨウシ</t>
    </rPh>
    <phoneticPr fontId="1"/>
  </si>
  <si>
    <t>虐待の防止のための措置に関する事項　</t>
    <rPh sb="0" eb="2">
      <t>ギャクタイ</t>
    </rPh>
    <rPh sb="3" eb="5">
      <t>ボウシ</t>
    </rPh>
    <rPh sb="9" eb="11">
      <t>ソチ</t>
    </rPh>
    <rPh sb="12" eb="13">
      <t>カン</t>
    </rPh>
    <rPh sb="15" eb="17">
      <t>ジコウ</t>
    </rPh>
    <phoneticPr fontId="1"/>
  </si>
  <si>
    <t>◎基準条例第7条
　軽費老人ホームは、次に掲げる施設の運営についての重要事項に関する規程（以下「運営規程」という。）を定めて
　おかなければならない。
　(1) 施設の目的及び運営の方針
　(2) 職員の職種、数及び職務の内容
　(3) 入所定員
　(4) 入所者に提供するサービスの内容及び利用料その他の費用の額
　(5) 施設の利用に当たっての留意事項
　(6) 非常災害対策
　(7) 虐待の防止のための措置に関する事項
　(8) その他施設の運営に関する重要事項</t>
    <rPh sb="1" eb="3">
      <t>キジュン</t>
    </rPh>
    <rPh sb="3" eb="5">
      <t>ジョウレイ</t>
    </rPh>
    <rPh sb="5" eb="6">
      <t>ダイ</t>
    </rPh>
    <rPh sb="7" eb="8">
      <t>ジョウ</t>
    </rPh>
    <phoneticPr fontId="1"/>
  </si>
  <si>
    <t>　じているか。　</t>
    <phoneticPr fontId="1"/>
  </si>
  <si>
    <t>◎基準条例第24条
1 軽費老人ホームは、入所者に対し、適切なサービスを提供できるよう、職員の勤務体制を定めておかなければならな
　い。
2 前項の職員の勤務体制を定めるに当たっては、入所者が安心して日常生活を送るために継続性を重視したサービスを
　提供できるよう配慮しなければならない。
3 軽費老人ホームは、職員に対し、その資質の向上のための研修の機会を確保しなければならない。その際、当該軽費
　老人ホームは、全ての職員（看護師、准看護師、介護福祉士、介護支援専門員、介護保険法第8条第2項に規定する政
　令で定める者等の資格を有する者その他これに類する者を除く。）に対し、認知症介護に係る基礎的な研修を受講さ
　せるために必要な措置を講じなければならない。
4 軽費老人ホームは、適切なサービスの提供を確保する観点から、職場において行われる性的な言動又は優越的な関係
　を背景とした言動であって業務上必要かつ相当な範囲を超えたものにより職員の就業環境が害されることを防止する
　ための方針の明確化等の必要な措置を講じなければならない。</t>
    <rPh sb="1" eb="3">
      <t>キジュン</t>
    </rPh>
    <rPh sb="3" eb="5">
      <t>ジョウレイ</t>
    </rPh>
    <phoneticPr fontId="1"/>
  </si>
  <si>
    <t>１５　業務継続計画の策定等　</t>
    <rPh sb="3" eb="9">
      <t>ギョウムケイゾクケイカク</t>
    </rPh>
    <rPh sb="10" eb="12">
      <t>サクテイ</t>
    </rPh>
    <rPh sb="12" eb="13">
      <t>トウ</t>
    </rPh>
    <phoneticPr fontId="1"/>
  </si>
  <si>
    <t>◎基準条例第24条の2　
1 軽費老人ホームは、感染症や非常災害の発生時において、入所者に対するサービスの提供を継続的に実施し、非常時
　の体制で早期の業務再開を図るための計画（以下「業務継続計画」という。）を策定し、当該業務継続計画に従い必
　要な措置を講じなければならない。
2 軽費老人ホームは、職員に対し、業務継続計画について周知するとともに、必要な研修及び訓練を定期的に実施しな
　ければならない。
3 軽費老人ホームは、定期的に業務継続計画の見直しを行い、必要に応じて業務継続計画の変更を行うものとする。</t>
    <rPh sb="1" eb="5">
      <t>キジュンジョウレイ</t>
    </rPh>
    <phoneticPr fontId="1"/>
  </si>
  <si>
    <t>◎基準条例第26条
1 軽費老人ホームは、入所者の使用する食器その他の設備又は飲用に供する水について、衛生的な管理に努め、又は衛
　生上必要な措置を講じなければならない。
2 軽費老人ホームは、当該軽費老人ホームにおいて感染症又は食中毒が発生し、又はまん延しないように、次の各号に
　掲げる措置を講じなければならない。
　(1) 当該軽費老人ホームにおける感染症及び食中毒の予防及びまん延の防止のための対策を検討する委員会（テレビ
　　電話装置等を活用して行うことができるものとする。）をおおむね3月に1回以上開催するとともに、その結果につ
　　いて、介護職員その他の職員に対し、周知徹底を図ること。
　(2) 当該軽費老人ホームにおける感染症及び食中毒の予防及びまん延の防止のための指針を整備すること。
　(3) 当該軽費老人ホームにおいて、介護職員その他の職員に対し、感染症及び食中毒の予防及びまん延の防止のため
　　の研修並びに感染症の予防及びまん延の防止のための訓練を定期的に実施すること。
　(4) 前各号に掲げるもののほか、厚生労働大臣が定める感染症又は食中毒の発生が疑われる際の対処等に関する手順
　　に沿った対応を行うこと。</t>
    <rPh sb="1" eb="5">
      <t>キジュンジョウレイ</t>
    </rPh>
    <phoneticPr fontId="1"/>
  </si>
  <si>
    <t>【感染症の予防及びまん延の防止のための訓練】　
・平時から、実際に感染症が発生した場合を想定し、発生時の対応について、訓練（シミュレーション）を定期的（年
　2回以上）に行うことが必要である。
・訓練においては、感染症発生時において迅速に行動できるよう、発生時の対応を定めた指針及び研修内容に基づき、
　施設内の役割分担の確認や、感染対策をした上でのケアの演習などを実施するものとする。
・訓練の実施は、机上を含めその実施手法は問わないものの、机上及び実地で実施するものを適切に組み合わせながら
　実施することが適切である。</t>
    <phoneticPr fontId="1"/>
  </si>
  <si>
    <t>２５　虐待の防止　</t>
    <rPh sb="3" eb="5">
      <t>ギャクタイ</t>
    </rPh>
    <rPh sb="6" eb="8">
      <t>ボウシ</t>
    </rPh>
    <phoneticPr fontId="1"/>
  </si>
  <si>
    <t>◎基準条例第34条　
　軽費老人ホームは、虐待の発生又はその再発を防止するため、次の各号に掲げる措置を講じなければならない。
　(1) 当該軽費老人ホームにおける虐待の防止のための対策を検討する委員会（テレビ電話装置等を活用して行うこと
　　ができるものとする。）を定期的に開催するとともに、その結果について、職員に周知徹底を図ること。
　(2) 当該軽費老人ホームにおける虐待の防止のための指針を整備すること。
　(3) 当該軽費老人ホームにおいて、職員に対し、虐待の防止のための研修を定期的に実施すること。
　(4) 前3号に掲げる措置を適切に実施するための担当者を置くこと。</t>
    <rPh sb="1" eb="3">
      <t>キジュン</t>
    </rPh>
    <rPh sb="3" eb="5">
      <t>ジョウレイ</t>
    </rPh>
    <phoneticPr fontId="1"/>
  </si>
  <si>
    <t>　２　虐待の防止　………………………………………………………………４９</t>
    <rPh sb="3" eb="5">
      <t>ギャクタイ</t>
    </rPh>
    <rPh sb="6" eb="8">
      <t>ボウシ</t>
    </rPh>
    <phoneticPr fontId="1"/>
  </si>
  <si>
    <t>１－４　栄養士又は管理栄養士</t>
    <rPh sb="4" eb="7">
      <t>エイヨウシ</t>
    </rPh>
    <rPh sb="7" eb="8">
      <t>マタ</t>
    </rPh>
    <rPh sb="9" eb="14">
      <t>カンリエイヨウシ</t>
    </rPh>
    <phoneticPr fontId="1"/>
  </si>
  <si>
    <t>◎基準条例第11条
1　軽費老人ホームに置くべき職員及びその員数は、次のとおりとする。
　(4) 栄養士又は管理栄養士　1人以上
　ただし、入所定員が40人以下又は他の社会福祉施設等の栄養士又は管理栄養士との連携を図ることにより効果的
　な運営を期待することができる軽費老人ホーム（入所者に提供するサービスに支障がない場合に限る。）にあって
　は第4号の栄養士又は管理栄養士を、調理業務の全部を委託する軽費老人ホームにあっては第6号の調理員を置かな
　いことができる。
10　第1項第4号の栄養士又は管理栄養士及び同項第5号の事務員のそれぞれのうち1人は、常勤の者でなければならな
　い。
○解釈通知第3-1-(2)
・栄養士を置かないことができる場合は、隣接の他の社会福祉施設や病院等の栄養士との兼務や地域の栄養指導員（健
　康増進法第19条に規定する栄養指導員）との連携を図ることにより、適切な栄養管理が行われている場合である。</t>
    <rPh sb="1" eb="6">
      <t>キジュンジョウレイダイ</t>
    </rPh>
    <rPh sb="8" eb="9">
      <t>ジョウ</t>
    </rPh>
    <rPh sb="52" eb="53">
      <t>マタ</t>
    </rPh>
    <rPh sb="54" eb="59">
      <t>カンリエイヨウシ</t>
    </rPh>
    <rPh sb="95" eb="96">
      <t>マタ</t>
    </rPh>
    <rPh sb="97" eb="102">
      <t>カンリエイヨウシ</t>
    </rPh>
    <rPh sb="180" eb="181">
      <t>マタ</t>
    </rPh>
    <rPh sb="182" eb="187">
      <t>カンリエイヨウシ</t>
    </rPh>
    <rPh sb="248" eb="249">
      <t>マタ</t>
    </rPh>
    <rPh sb="250" eb="255">
      <t>カンリエイヨウシ</t>
    </rPh>
    <phoneticPr fontId="1"/>
  </si>
  <si>
    <t>　　るか。（年２回以上）</t>
    <rPh sb="6" eb="7">
      <t>ネン</t>
    </rPh>
    <rPh sb="8" eb="9">
      <t>カイ</t>
    </rPh>
    <rPh sb="9" eb="11">
      <t>イジョウ</t>
    </rPh>
    <phoneticPr fontId="1"/>
  </si>
  <si>
    <t>　　るか。（年２回以上）　</t>
    <rPh sb="6" eb="7">
      <t>ネン</t>
    </rPh>
    <rPh sb="8" eb="9">
      <t>カイ</t>
    </rPh>
    <rPh sb="9" eb="11">
      <t>イジョウ</t>
    </rPh>
    <phoneticPr fontId="1"/>
  </si>
  <si>
    <t>　　るか。（年２回以上）　</t>
    <rPh sb="6" eb="7">
      <t>ネン</t>
    </rPh>
    <rPh sb="8" eb="11">
      <t>カイイジョウ</t>
    </rPh>
    <phoneticPr fontId="1"/>
  </si>
  <si>
    <t>　　か。（年２回以上）　</t>
    <rPh sb="5" eb="6">
      <t>ネン</t>
    </rPh>
    <rPh sb="7" eb="8">
      <t>カイ</t>
    </rPh>
    <rPh sb="8" eb="10">
      <t>イジョウ</t>
    </rPh>
    <phoneticPr fontId="1"/>
  </si>
  <si>
    <t>２　虐待防止</t>
    <rPh sb="2" eb="4">
      <t>ギャクタイ</t>
    </rPh>
    <rPh sb="4" eb="6">
      <t>ボウシ</t>
    </rPh>
    <phoneticPr fontId="1"/>
  </si>
  <si>
    <t>　た取組をしているか。　</t>
    <phoneticPr fontId="1"/>
  </si>
  <si>
    <t>□非常災害対策計画</t>
    <phoneticPr fontId="1"/>
  </si>
  <si>
    <t>□業務継続計画</t>
    <phoneticPr fontId="1"/>
  </si>
  <si>
    <t>□担当者を置いている</t>
    <rPh sb="1" eb="4">
      <t>タントウシャ</t>
    </rPh>
    <rPh sb="5" eb="6">
      <t>オ</t>
    </rPh>
    <phoneticPr fontId="1"/>
  </si>
  <si>
    <t>　ことがわかるもの</t>
    <phoneticPr fontId="1"/>
  </si>
  <si>
    <t>□指針</t>
    <phoneticPr fontId="1"/>
  </si>
  <si>
    <t>４　各確認項目は、右ページに示した施設が遵守すべき最低限の基準（根拠法令等）を基に設定</t>
    <rPh sb="2" eb="3">
      <t>カク</t>
    </rPh>
    <rPh sb="3" eb="5">
      <t>カクニン</t>
    </rPh>
    <rPh sb="5" eb="7">
      <t>コウモク</t>
    </rPh>
    <rPh sb="9" eb="10">
      <t>ミギ</t>
    </rPh>
    <rPh sb="14" eb="15">
      <t>シメ</t>
    </rPh>
    <rPh sb="17" eb="19">
      <t>シセツ</t>
    </rPh>
    <rPh sb="20" eb="22">
      <t>ジュンシュ</t>
    </rPh>
    <rPh sb="25" eb="28">
      <t>サイテイゲン</t>
    </rPh>
    <rPh sb="29" eb="31">
      <t>キジュン</t>
    </rPh>
    <rPh sb="32" eb="34">
      <t>コンキョ</t>
    </rPh>
    <rPh sb="34" eb="36">
      <t>ホウレイ</t>
    </rPh>
    <rPh sb="36" eb="37">
      <t>トウ</t>
    </rPh>
    <rPh sb="39" eb="40">
      <t>モト</t>
    </rPh>
    <phoneticPr fontId="1"/>
  </si>
  <si>
    <t>　しています。不適の項目がある場合は、その理由及び今後の改善方法等を説明できるようにご</t>
    <rPh sb="7" eb="9">
      <t>フテキ</t>
    </rPh>
    <rPh sb="10" eb="12">
      <t>コウモク</t>
    </rPh>
    <rPh sb="15" eb="17">
      <t>バアイ</t>
    </rPh>
    <rPh sb="21" eb="23">
      <t>リユウ</t>
    </rPh>
    <rPh sb="23" eb="24">
      <t>オヨ</t>
    </rPh>
    <rPh sb="25" eb="27">
      <t>コンゴ</t>
    </rPh>
    <rPh sb="28" eb="30">
      <t>カイゼン</t>
    </rPh>
    <rPh sb="30" eb="32">
      <t>ホウホウ</t>
    </rPh>
    <rPh sb="32" eb="33">
      <t>トウ</t>
    </rPh>
    <rPh sb="34" eb="36">
      <t>セツメイ</t>
    </rPh>
    <phoneticPr fontId="1"/>
  </si>
  <si>
    <t>　準備をお願いします。</t>
    <rPh sb="1" eb="3">
      <t>ジュンビ</t>
    </rPh>
    <rPh sb="5" eb="6">
      <t>ネガ</t>
    </rPh>
    <phoneticPr fontId="1"/>
  </si>
  <si>
    <t>□職員の勤怠状況がわか</t>
    <rPh sb="1" eb="3">
      <t>ショクイン</t>
    </rPh>
    <rPh sb="4" eb="6">
      <t>キンタイ</t>
    </rPh>
    <rPh sb="6" eb="8">
      <t>ジョウキョウ</t>
    </rPh>
    <phoneticPr fontId="1"/>
  </si>
  <si>
    <t>　ることがわかるもの</t>
    <phoneticPr fontId="1"/>
  </si>
  <si>
    <t>◎基準条例第11条
1　軽費老人ホームに置くべき職員及びその員数は、次のとおりとする。
　(5) 事務員　1人以上
10　第1項第4号の栄養士又は管理栄養士及び同項第5号の事務員のそれぞれのうち1人は、常勤の者でなければならな
　い。
11　第1項第5号の事務員は、入所定員が60人以下の場合又は他の社会福祉施設等を併設する軽費老人ホームにおいて
　は、入所者に提供するサービスに支障がない場合は、当該事務員を置かないことができる。</t>
    <rPh sb="71" eb="72">
      <t>マタ</t>
    </rPh>
    <rPh sb="73" eb="78">
      <t>カンリエイヨウシ</t>
    </rPh>
    <phoneticPr fontId="1"/>
  </si>
  <si>
    <t>　わかるもの</t>
    <phoneticPr fontId="1"/>
  </si>
  <si>
    <t>□通報、連絡体制が</t>
    <rPh sb="1" eb="3">
      <t>ツウホウ</t>
    </rPh>
    <rPh sb="4" eb="6">
      <t>レンラク</t>
    </rPh>
    <rPh sb="6" eb="8">
      <t>タイセイ</t>
    </rPh>
    <phoneticPr fontId="1"/>
  </si>
  <si>
    <t>　記録</t>
    <rPh sb="1" eb="3">
      <t>キロク</t>
    </rPh>
    <phoneticPr fontId="1"/>
  </si>
  <si>
    <t>□避難・救出等訓練の</t>
    <rPh sb="1" eb="3">
      <t>ヒナン</t>
    </rPh>
    <rPh sb="4" eb="6">
      <t>キュウシュツ</t>
    </rPh>
    <rPh sb="6" eb="7">
      <t>トウ</t>
    </rPh>
    <rPh sb="7" eb="9">
      <t>クンレン</t>
    </rPh>
    <phoneticPr fontId="1"/>
  </si>
  <si>
    <t>・同意については、入所者及び施設双方の保護の立場から書面によって確認することが望ましい。
・契約書に定める契約解除の条件は、信頼関係を著しく害する場合に限るなど、入所者の権利を不当に狭めるものとな
　っていないこと。
・入所者、施設設置者双方の契約解除条項を契約書上定めておくこと。</t>
    <rPh sb="1" eb="3">
      <t>ドウイ</t>
    </rPh>
    <rPh sb="9" eb="12">
      <t>ニュウショシャ</t>
    </rPh>
    <rPh sb="12" eb="13">
      <t>オヨ</t>
    </rPh>
    <rPh sb="14" eb="16">
      <t>シセツ</t>
    </rPh>
    <rPh sb="16" eb="18">
      <t>ソウホウ</t>
    </rPh>
    <rPh sb="19" eb="21">
      <t>ホゴ</t>
    </rPh>
    <rPh sb="22" eb="24">
      <t>タチバ</t>
    </rPh>
    <rPh sb="26" eb="28">
      <t>ショメン</t>
    </rPh>
    <rPh sb="32" eb="34">
      <t>カクニン</t>
    </rPh>
    <rPh sb="39" eb="40">
      <t>ノゾ</t>
    </rPh>
    <rPh sb="46" eb="49">
      <t>ケイヤクショ</t>
    </rPh>
    <rPh sb="50" eb="51">
      <t>サダ</t>
    </rPh>
    <rPh sb="53" eb="55">
      <t>ケイヤク</t>
    </rPh>
    <rPh sb="55" eb="57">
      <t>カイジョ</t>
    </rPh>
    <rPh sb="58" eb="60">
      <t>ジョウケン</t>
    </rPh>
    <rPh sb="62" eb="64">
      <t>シンライ</t>
    </rPh>
    <rPh sb="64" eb="66">
      <t>カンケイ</t>
    </rPh>
    <rPh sb="67" eb="68">
      <t>イチジル</t>
    </rPh>
    <rPh sb="70" eb="71">
      <t>ガイ</t>
    </rPh>
    <rPh sb="73" eb="75">
      <t>バアイ</t>
    </rPh>
    <rPh sb="76" eb="77">
      <t>カギ</t>
    </rPh>
    <rPh sb="81" eb="84">
      <t>ニュウショシャ</t>
    </rPh>
    <rPh sb="85" eb="87">
      <t>ケンリ</t>
    </rPh>
    <rPh sb="88" eb="90">
      <t>フトウ</t>
    </rPh>
    <rPh sb="91" eb="92">
      <t>セバ</t>
    </rPh>
    <rPh sb="110" eb="113">
      <t>ニュウショシャ</t>
    </rPh>
    <rPh sb="114" eb="116">
      <t>シセツ</t>
    </rPh>
    <rPh sb="116" eb="119">
      <t>セッチシャ</t>
    </rPh>
    <rPh sb="119" eb="121">
      <t>ソウホウ</t>
    </rPh>
    <rPh sb="122" eb="124">
      <t>ケイヤク</t>
    </rPh>
    <rPh sb="124" eb="126">
      <t>カイジョ</t>
    </rPh>
    <rPh sb="126" eb="128">
      <t>ジョウコウ</t>
    </rPh>
    <rPh sb="129" eb="132">
      <t>ケイヤクショ</t>
    </rPh>
    <rPh sb="132" eb="133">
      <t>ジョウ</t>
    </rPh>
    <rPh sb="133" eb="134">
      <t>サダ</t>
    </rPh>
    <phoneticPr fontId="1"/>
  </si>
  <si>
    <t>　て満たしているか。</t>
    <rPh sb="2" eb="3">
      <t>ミ</t>
    </rPh>
    <phoneticPr fontId="1"/>
  </si>
  <si>
    <t>(2) 身体的拘束等を行う場合に要件（切迫性、非代替性、一時性）を全</t>
    <rPh sb="4" eb="6">
      <t>シンタイ</t>
    </rPh>
    <rPh sb="6" eb="7">
      <t>テキ</t>
    </rPh>
    <rPh sb="7" eb="9">
      <t>コウソク</t>
    </rPh>
    <rPh sb="9" eb="10">
      <t>トウ</t>
    </rPh>
    <rPh sb="11" eb="12">
      <t>オコナ</t>
    </rPh>
    <rPh sb="13" eb="15">
      <t>バアイ</t>
    </rPh>
    <rPh sb="16" eb="18">
      <t>ヨウケン</t>
    </rPh>
    <rPh sb="19" eb="22">
      <t>セッパクセイ</t>
    </rPh>
    <rPh sb="23" eb="24">
      <t>ヒ</t>
    </rPh>
    <rPh sb="24" eb="27">
      <t>ダイタイセイ</t>
    </rPh>
    <rPh sb="28" eb="31">
      <t>イチジセイ</t>
    </rPh>
    <rPh sb="33" eb="34">
      <t>スベ</t>
    </rPh>
    <phoneticPr fontId="1"/>
  </si>
  <si>
    <t>(3) 身体的拘束等を行う場合、その態様及び時間、その際の入所者の心</t>
    <rPh sb="4" eb="6">
      <t>シンタイ</t>
    </rPh>
    <rPh sb="6" eb="7">
      <t>テキ</t>
    </rPh>
    <rPh sb="7" eb="9">
      <t>コウソク</t>
    </rPh>
    <rPh sb="9" eb="10">
      <t>トウ</t>
    </rPh>
    <rPh sb="11" eb="12">
      <t>オコナ</t>
    </rPh>
    <rPh sb="13" eb="15">
      <t>バアイ</t>
    </rPh>
    <rPh sb="18" eb="20">
      <t>タイヨウ</t>
    </rPh>
    <rPh sb="20" eb="21">
      <t>オヨ</t>
    </rPh>
    <rPh sb="22" eb="24">
      <t>ジカン</t>
    </rPh>
    <rPh sb="27" eb="28">
      <t>サイ</t>
    </rPh>
    <rPh sb="29" eb="32">
      <t>ニュウショシャ</t>
    </rPh>
    <rPh sb="33" eb="34">
      <t>ココロ</t>
    </rPh>
    <phoneticPr fontId="1"/>
  </si>
  <si>
    <t>　身の状況並びに緊急やむを得ない理由を記録しているか。</t>
    <rPh sb="1" eb="2">
      <t>ミ</t>
    </rPh>
    <rPh sb="3" eb="5">
      <t>ジョウキョウ</t>
    </rPh>
    <rPh sb="5" eb="6">
      <t>ナラ</t>
    </rPh>
    <rPh sb="8" eb="10">
      <t>キンキュウ</t>
    </rPh>
    <rPh sb="13" eb="14">
      <t>エ</t>
    </rPh>
    <rPh sb="16" eb="18">
      <t>リユウ</t>
    </rPh>
    <rPh sb="19" eb="21">
      <t>キロク</t>
    </rPh>
    <phoneticPr fontId="1"/>
  </si>
  <si>
    <t>(6) 職員に対し、身体的拘束等の適正化のための研修を定期的に実施し</t>
    <phoneticPr fontId="1"/>
  </si>
  <si>
    <t>　ているか。（年２回以上）</t>
    <rPh sb="7" eb="8">
      <t>ネン</t>
    </rPh>
    <rPh sb="9" eb="10">
      <t>カイ</t>
    </rPh>
    <rPh sb="10" eb="12">
      <t>イジョウ</t>
    </rPh>
    <phoneticPr fontId="1"/>
  </si>
  <si>
    <t>(2) 職員について、労働安全衛生規則又は市の実施する方法に従って健</t>
    <rPh sb="4" eb="6">
      <t>ショクイン</t>
    </rPh>
    <rPh sb="11" eb="13">
      <t>ロウドウ</t>
    </rPh>
    <rPh sb="13" eb="15">
      <t>アンゼン</t>
    </rPh>
    <rPh sb="15" eb="17">
      <t>エイセイ</t>
    </rPh>
    <rPh sb="17" eb="19">
      <t>キソク</t>
    </rPh>
    <rPh sb="19" eb="20">
      <t>マタ</t>
    </rPh>
    <rPh sb="21" eb="22">
      <t>シ</t>
    </rPh>
    <rPh sb="23" eb="25">
      <t>ジッシ</t>
    </rPh>
    <rPh sb="27" eb="29">
      <t>ホウホウ</t>
    </rPh>
    <rPh sb="30" eb="31">
      <t>シタガ</t>
    </rPh>
    <rPh sb="33" eb="34">
      <t>ケン</t>
    </rPh>
    <phoneticPr fontId="1"/>
  </si>
  <si>
    <t>　康診断を行っているか。</t>
    <rPh sb="1" eb="2">
      <t>ヤスシ</t>
    </rPh>
    <rPh sb="2" eb="4">
      <t>シンダン</t>
    </rPh>
    <phoneticPr fontId="1"/>
  </si>
  <si>
    <t>　委員会をおおむね３月に１回以上開催しているか。</t>
    <rPh sb="1" eb="4">
      <t>イインカイ</t>
    </rPh>
    <rPh sb="10" eb="11">
      <t>ガツ</t>
    </rPh>
    <rPh sb="13" eb="14">
      <t>カイ</t>
    </rPh>
    <rPh sb="14" eb="16">
      <t>イジョウ</t>
    </rPh>
    <rPh sb="16" eb="18">
      <t>カイサイ</t>
    </rPh>
    <phoneticPr fontId="1"/>
  </si>
  <si>
    <t>□委員会議事録</t>
    <phoneticPr fontId="1"/>
  </si>
  <si>
    <t>　る同意書</t>
    <rPh sb="2" eb="5">
      <t>ドウイショ</t>
    </rPh>
    <phoneticPr fontId="1"/>
  </si>
  <si>
    <t>□個人情報の使用に関す</t>
    <rPh sb="1" eb="3">
      <t>コジン</t>
    </rPh>
    <rPh sb="3" eb="5">
      <t>ジョウホウ</t>
    </rPh>
    <rPh sb="6" eb="8">
      <t>シヨウ</t>
    </rPh>
    <rPh sb="9" eb="10">
      <t>カン</t>
    </rPh>
    <phoneticPr fontId="1"/>
  </si>
  <si>
    <t>(1) 虐待の防止のための対策を検討する委員会を定期的に開催し、結果</t>
    <rPh sb="4" eb="6">
      <t>ギャクタイ</t>
    </rPh>
    <rPh sb="7" eb="9">
      <t>ボウシ</t>
    </rPh>
    <rPh sb="13" eb="15">
      <t>タイサク</t>
    </rPh>
    <rPh sb="16" eb="18">
      <t>ケントウ</t>
    </rPh>
    <rPh sb="20" eb="23">
      <t>イインカイ</t>
    </rPh>
    <rPh sb="24" eb="26">
      <t>テイキ</t>
    </rPh>
    <rPh sb="32" eb="34">
      <t>ケッカ</t>
    </rPh>
    <phoneticPr fontId="1"/>
  </si>
  <si>
    <t>　を職員に周知しているか。</t>
    <rPh sb="2" eb="4">
      <t>ショクイン</t>
    </rPh>
    <phoneticPr fontId="1"/>
  </si>
  <si>
    <t>　・感染症対策委員会をおおむね３月に１回以上開催しているか。</t>
    <rPh sb="2" eb="5">
      <t>カンセンショウ</t>
    </rPh>
    <rPh sb="5" eb="7">
      <t>タイサク</t>
    </rPh>
    <rPh sb="7" eb="8">
      <t>イ</t>
    </rPh>
    <rPh sb="20" eb="22">
      <t>イジョウ</t>
    </rPh>
    <phoneticPr fontId="1"/>
  </si>
  <si>
    <t>　　を職員に周知しているか。</t>
    <phoneticPr fontId="1"/>
  </si>
  <si>
    <t>　・虐待の防止のための対策を検討する委員会を定期的に開催し、結果</t>
    <rPh sb="2" eb="4">
      <t>ギャクタイ</t>
    </rPh>
    <rPh sb="5" eb="7">
      <t>ボウシ</t>
    </rPh>
    <rPh sb="11" eb="13">
      <t>タイサク</t>
    </rPh>
    <rPh sb="14" eb="16">
      <t>ケントウ</t>
    </rPh>
    <rPh sb="18" eb="21">
      <t>イインカイ</t>
    </rPh>
    <rPh sb="22" eb="24">
      <t>テイキ</t>
    </rPh>
    <rPh sb="26" eb="28">
      <t>カイサイ</t>
    </rPh>
    <rPh sb="30" eb="32">
      <t>ケッカ</t>
    </rPh>
    <phoneticPr fontId="1"/>
  </si>
  <si>
    <r>
      <t>　を「点検結果」欄の該当□に</t>
    </r>
    <r>
      <rPr>
        <sz val="10"/>
        <rFont val="Segoe UI Symbol"/>
        <family val="3"/>
      </rPr>
      <t>✓</t>
    </r>
    <r>
      <rPr>
        <sz val="10"/>
        <rFont val="HGｺﾞｼｯｸM"/>
        <family val="3"/>
        <charset val="128"/>
      </rPr>
      <t>チェック（又は■）してください。該当しない場合は入力不要。</t>
    </r>
    <rPh sb="3" eb="5">
      <t>テンケン</t>
    </rPh>
    <rPh sb="5" eb="7">
      <t>ケッカ</t>
    </rPh>
    <rPh sb="31" eb="33">
      <t>ガイトウ</t>
    </rPh>
    <rPh sb="36" eb="38">
      <t>バアイ</t>
    </rPh>
    <rPh sb="39" eb="41">
      <t>ニュウリョク</t>
    </rPh>
    <rPh sb="41" eb="43">
      <t>フヨウ</t>
    </rPh>
    <phoneticPr fontId="1"/>
  </si>
  <si>
    <t>　勤務実績がわかるもの</t>
    <rPh sb="1" eb="3">
      <t>キンム</t>
    </rPh>
    <rPh sb="3" eb="5">
      <t>ジッセキ</t>
    </rPh>
    <phoneticPr fontId="1"/>
  </si>
  <si>
    <t>(1) 入所者の処遇（入所者に提供するサービスに関する計画、提供した</t>
    <rPh sb="4" eb="7">
      <t>ニュウショシャ</t>
    </rPh>
    <rPh sb="8" eb="10">
      <t>ショグウ</t>
    </rPh>
    <rPh sb="11" eb="14">
      <t>ニュウショシャ</t>
    </rPh>
    <rPh sb="15" eb="17">
      <t>テイキョウ</t>
    </rPh>
    <rPh sb="24" eb="25">
      <t>カン</t>
    </rPh>
    <rPh sb="27" eb="29">
      <t>ケイカク</t>
    </rPh>
    <rPh sb="30" eb="32">
      <t>テイキョウ</t>
    </rPh>
    <phoneticPr fontId="1"/>
  </si>
  <si>
    <t>　るか。</t>
    <phoneticPr fontId="1"/>
  </si>
  <si>
    <t>　具体的なサービスの内容、その他必要な事項）を記録し、保存してい</t>
    <rPh sb="1" eb="4">
      <t>グタイテキ</t>
    </rPh>
    <rPh sb="15" eb="16">
      <t>タ</t>
    </rPh>
    <rPh sb="16" eb="18">
      <t>ヒツヨウ</t>
    </rPh>
    <rPh sb="19" eb="21">
      <t>ジコウ</t>
    </rPh>
    <rPh sb="23" eb="25">
      <t>キロク</t>
    </rPh>
    <rPh sb="27" eb="29">
      <t>ホゾン</t>
    </rPh>
    <phoneticPr fontId="1"/>
  </si>
  <si>
    <t>　　（Ⅳ－２５－(3)（p.39）において確認）</t>
    <phoneticPr fontId="1"/>
  </si>
  <si>
    <t>　　（年２回以上）</t>
    <phoneticPr fontId="1"/>
  </si>
  <si>
    <t>(1) 入所者が１２０人又はその端数を増すごとに１人以上配置している</t>
    <rPh sb="4" eb="7">
      <t>ニュウショシャ</t>
    </rPh>
    <rPh sb="11" eb="12">
      <t>ニン</t>
    </rPh>
    <rPh sb="12" eb="13">
      <t>マタ</t>
    </rPh>
    <rPh sb="16" eb="18">
      <t>ハスウ</t>
    </rPh>
    <rPh sb="19" eb="20">
      <t>マ</t>
    </rPh>
    <rPh sb="25" eb="26">
      <t>ニン</t>
    </rPh>
    <rPh sb="26" eb="28">
      <t>イジョウ</t>
    </rPh>
    <rPh sb="28" eb="30">
      <t>ハイチ</t>
    </rPh>
    <phoneticPr fontId="1"/>
  </si>
  <si>
    <t>(2) 栄養士又は管理栄養士のうち、１人は常勤であるか。</t>
    <rPh sb="4" eb="7">
      <t>エイヨウシ</t>
    </rPh>
    <rPh sb="7" eb="8">
      <t>マタ</t>
    </rPh>
    <rPh sb="9" eb="14">
      <t>カンリエイヨウシ</t>
    </rPh>
    <rPh sb="19" eb="20">
      <t>ニン</t>
    </rPh>
    <rPh sb="21" eb="23">
      <t>ジョウキン</t>
    </rPh>
    <phoneticPr fontId="1"/>
  </si>
  <si>
    <t>(2) 事務員のうち、１人は常勤であるか。</t>
    <rPh sb="4" eb="7">
      <t>ジムイン</t>
    </rPh>
    <rPh sb="12" eb="13">
      <t>ニン</t>
    </rPh>
    <rPh sb="14" eb="16">
      <t>ジョウキン</t>
    </rPh>
    <phoneticPr fontId="1"/>
  </si>
  <si>
    <t>(1) 個人情報の利用に当たり、入所者から同意を得ているか。</t>
    <rPh sb="4" eb="6">
      <t>コジン</t>
    </rPh>
    <rPh sb="6" eb="8">
      <t>ジョウホウ</t>
    </rPh>
    <rPh sb="9" eb="11">
      <t>リヨウ</t>
    </rPh>
    <rPh sb="12" eb="13">
      <t>ア</t>
    </rPh>
    <rPh sb="16" eb="19">
      <t>ニュウショシャ</t>
    </rPh>
    <rPh sb="21" eb="23">
      <t>ドウイ</t>
    </rPh>
    <rPh sb="24" eb="25">
      <t>エ</t>
    </rPh>
    <phoneticPr fontId="1"/>
  </si>
  <si>
    <t>(2) 苦情を受け付けた場合、内容等を記録、保管しているか。</t>
    <rPh sb="4" eb="6">
      <t>クジョウ</t>
    </rPh>
    <rPh sb="7" eb="8">
      <t>ウ</t>
    </rPh>
    <rPh sb="9" eb="10">
      <t>ツ</t>
    </rPh>
    <rPh sb="12" eb="14">
      <t>バアイ</t>
    </rPh>
    <rPh sb="15" eb="17">
      <t>ナイヨウ</t>
    </rPh>
    <rPh sb="17" eb="18">
      <t>トウ</t>
    </rPh>
    <rPh sb="19" eb="21">
      <t>キロク</t>
    </rPh>
    <rPh sb="22" eb="24">
      <t>ホカン</t>
    </rPh>
    <phoneticPr fontId="1"/>
  </si>
  <si>
    <t>令和８年度　社会福祉施設等自主点検表</t>
    <rPh sb="0" eb="2">
      <t>レイワ</t>
    </rPh>
    <rPh sb="3" eb="5">
      <t>ネンド</t>
    </rPh>
    <rPh sb="6" eb="12">
      <t>シャカイフクシシセツ</t>
    </rPh>
    <rPh sb="12" eb="13">
      <t>トウ</t>
    </rPh>
    <rPh sb="13" eb="15">
      <t>ジシュ</t>
    </rPh>
    <rPh sb="15" eb="17">
      <t>テンケン</t>
    </rPh>
    <rPh sb="17" eb="18">
      <t>ヒョウ</t>
    </rPh>
    <phoneticPr fontId="1"/>
  </si>
  <si>
    <t>◎基準条例第24条
1 軽費老人ホームは、入所者に対し、適切なサービスを提供できるよう、職員の勤務体制を定めておかなければならな
　い。
2 前項の職員の勤務体制を定めるに当たっては、入所者が安心して日常生活を送るために継続性を重視したサービスを
　提供できるよう配慮しなければならない。
○解釈通知第5-11
・第1項は、軽費老人ホームごとに、原則として月ごとに勤務表を作成し、職員の日々の勤務時間、常勤・非常勤の別、
　生活相談員及び介護職員等の配置、施設長との兼務関係等を明確にすることを定めたもの。
・第2項は、職員の勤務体制を定めるに当たっては、第17条第1項のサービスの提供の方針を踏まえ、可能な限り継続性
　を重視し、個別ケアの観点に立ったサービスの提供を行わなければならないこととしたもの。</t>
    <rPh sb="1" eb="5">
      <t>キジュンジョウレイ</t>
    </rPh>
    <rPh sb="5" eb="6">
      <t>ダイ</t>
    </rPh>
    <rPh sb="8" eb="9">
      <t>ジョウ</t>
    </rPh>
    <rPh sb="146" eb="148">
      <t>カイシャク</t>
    </rPh>
    <rPh sb="148" eb="150">
      <t>ツウチ</t>
    </rPh>
    <rPh sb="150" eb="151">
      <t>ダイ</t>
    </rPh>
    <rPh sb="157" eb="158">
      <t>ダイ</t>
    </rPh>
    <rPh sb="159" eb="160">
      <t>コウ</t>
    </rPh>
    <rPh sb="162" eb="166">
      <t>ケイヒロウジン</t>
    </rPh>
    <rPh sb="173" eb="175">
      <t>ゲンソク</t>
    </rPh>
    <rPh sb="178" eb="179">
      <t>ツキ</t>
    </rPh>
    <rPh sb="182" eb="184">
      <t>キンム</t>
    </rPh>
    <rPh sb="184" eb="185">
      <t>ヒョウ</t>
    </rPh>
    <rPh sb="186" eb="188">
      <t>サクセイ</t>
    </rPh>
    <rPh sb="190" eb="192">
      <t>ショクイン</t>
    </rPh>
    <rPh sb="193" eb="195">
      <t>ヒビ</t>
    </rPh>
    <rPh sb="196" eb="198">
      <t>キンム</t>
    </rPh>
    <rPh sb="198" eb="200">
      <t>ジカン</t>
    </rPh>
    <rPh sb="201" eb="203">
      <t>ジョウキン</t>
    </rPh>
    <rPh sb="204" eb="207">
      <t>ヒジョウキン</t>
    </rPh>
    <rPh sb="208" eb="209">
      <t>ベツ</t>
    </rPh>
    <rPh sb="212" eb="214">
      <t>セイカツ</t>
    </rPh>
    <rPh sb="214" eb="217">
      <t>ソウダンイン</t>
    </rPh>
    <rPh sb="217" eb="218">
      <t>オヨ</t>
    </rPh>
    <rPh sb="219" eb="221">
      <t>カイゴ</t>
    </rPh>
    <rPh sb="221" eb="223">
      <t>ショクイン</t>
    </rPh>
    <rPh sb="223" eb="224">
      <t>トウ</t>
    </rPh>
    <rPh sb="225" eb="227">
      <t>ハイチ</t>
    </rPh>
    <rPh sb="228" eb="230">
      <t>シセツ</t>
    </rPh>
    <rPh sb="230" eb="231">
      <t>チョウ</t>
    </rPh>
    <rPh sb="233" eb="235">
      <t>ケンム</t>
    </rPh>
    <rPh sb="235" eb="237">
      <t>カンケイ</t>
    </rPh>
    <rPh sb="237" eb="238">
      <t>トウ</t>
    </rPh>
    <rPh sb="239" eb="241">
      <t>メイカク</t>
    </rPh>
    <rPh sb="247" eb="248">
      <t>サダ</t>
    </rPh>
    <rPh sb="255" eb="256">
      <t>ダイ</t>
    </rPh>
    <rPh sb="257" eb="258">
      <t>コウ</t>
    </rPh>
    <rPh sb="260" eb="262">
      <t>ショクイン</t>
    </rPh>
    <rPh sb="263" eb="265">
      <t>キンム</t>
    </rPh>
    <rPh sb="265" eb="267">
      <t>タイセイ</t>
    </rPh>
    <rPh sb="268" eb="269">
      <t>サダ</t>
    </rPh>
    <rPh sb="272" eb="273">
      <t>ア</t>
    </rPh>
    <rPh sb="278" eb="279">
      <t>ダイ</t>
    </rPh>
    <rPh sb="281" eb="282">
      <t>ジョウ</t>
    </rPh>
    <rPh sb="282" eb="283">
      <t>ダイ</t>
    </rPh>
    <rPh sb="284" eb="285">
      <t>コウ</t>
    </rPh>
    <rPh sb="291" eb="293">
      <t>テイキョウ</t>
    </rPh>
    <rPh sb="294" eb="296">
      <t>ホウシン</t>
    </rPh>
    <rPh sb="297" eb="298">
      <t>フ</t>
    </rPh>
    <rPh sb="301" eb="303">
      <t>カノウ</t>
    </rPh>
    <rPh sb="304" eb="305">
      <t>カギ</t>
    </rPh>
    <rPh sb="306" eb="309">
      <t>ケイゾクセイ</t>
    </rPh>
    <rPh sb="312" eb="314">
      <t>ジュウシ</t>
    </rPh>
    <rPh sb="316" eb="318">
      <t>コベツ</t>
    </rPh>
    <rPh sb="321" eb="323">
      <t>カンテン</t>
    </rPh>
    <rPh sb="324" eb="325">
      <t>タ</t>
    </rPh>
    <rPh sb="332" eb="334">
      <t>テイキョウ</t>
    </rPh>
    <rPh sb="335" eb="336">
      <t>オコナ</t>
    </rPh>
    <phoneticPr fontId="1"/>
  </si>
  <si>
    <t>［入所者から利用料として支払を受けとることができる費用］</t>
    <rPh sb="1" eb="4">
      <t>ニュウショシャ</t>
    </rPh>
    <rPh sb="6" eb="9">
      <t>リヨウリョウ</t>
    </rPh>
    <rPh sb="12" eb="14">
      <t>シハラ</t>
    </rPh>
    <rPh sb="15" eb="16">
      <t>ウ</t>
    </rPh>
    <rPh sb="25" eb="27">
      <t>ヒヨウ</t>
    </rPh>
    <phoneticPr fontId="1"/>
  </si>
  <si>
    <t>①サービスの提供に要する費用（入所者の所得の状況その他の事情を</t>
    <rPh sb="6" eb="8">
      <t>テイキョウ</t>
    </rPh>
    <rPh sb="9" eb="10">
      <t>ヨウ</t>
    </rPh>
    <rPh sb="12" eb="14">
      <t>ヒヨウ</t>
    </rPh>
    <rPh sb="15" eb="18">
      <t>ニュウショシャ</t>
    </rPh>
    <rPh sb="19" eb="21">
      <t>ショトク</t>
    </rPh>
    <rPh sb="22" eb="24">
      <t>ジョウキョウ</t>
    </rPh>
    <rPh sb="26" eb="27">
      <t>タ</t>
    </rPh>
    <rPh sb="28" eb="30">
      <t>ジジョウ</t>
    </rPh>
    <phoneticPr fontId="1"/>
  </si>
  <si>
    <t>　勘案して徴収すべき費用として市長が定める額に限る。）</t>
    <rPh sb="1" eb="3">
      <t>カンアン</t>
    </rPh>
    <rPh sb="5" eb="7">
      <t>チョウシュウ</t>
    </rPh>
    <rPh sb="10" eb="12">
      <t>ヒヨウ</t>
    </rPh>
    <rPh sb="15" eb="17">
      <t>シチョウ</t>
    </rPh>
    <rPh sb="18" eb="19">
      <t>サダ</t>
    </rPh>
    <rPh sb="21" eb="22">
      <t>ガク</t>
    </rPh>
    <rPh sb="23" eb="24">
      <t>カギ</t>
    </rPh>
    <phoneticPr fontId="1"/>
  </si>
  <si>
    <t>②生活費（食材料費及び共用部分に係る光熱水費に限る。）</t>
    <rPh sb="1" eb="4">
      <t>セイカツヒ</t>
    </rPh>
    <rPh sb="5" eb="6">
      <t>ショク</t>
    </rPh>
    <rPh sb="6" eb="9">
      <t>ザイリョウヒ</t>
    </rPh>
    <rPh sb="9" eb="10">
      <t>オヨ</t>
    </rPh>
    <rPh sb="11" eb="13">
      <t>キョウヨウ</t>
    </rPh>
    <rPh sb="13" eb="15">
      <t>ブブン</t>
    </rPh>
    <rPh sb="16" eb="17">
      <t>カカ</t>
    </rPh>
    <rPh sb="18" eb="22">
      <t>コウネツスイヒ</t>
    </rPh>
    <rPh sb="23" eb="24">
      <t>カギ</t>
    </rPh>
    <phoneticPr fontId="1"/>
  </si>
  <si>
    <t>③居住に要する費用（②の光熱水費及び④の費用を除く。）</t>
    <rPh sb="1" eb="3">
      <t>キョジュウ</t>
    </rPh>
    <rPh sb="4" eb="5">
      <t>ヨウ</t>
    </rPh>
    <rPh sb="7" eb="9">
      <t>ヒヨウ</t>
    </rPh>
    <rPh sb="12" eb="16">
      <t>コウネツスイヒ</t>
    </rPh>
    <rPh sb="16" eb="17">
      <t>オヨ</t>
    </rPh>
    <rPh sb="20" eb="22">
      <t>ヒヨウ</t>
    </rPh>
    <rPh sb="23" eb="24">
      <t>ノゾ</t>
    </rPh>
    <phoneticPr fontId="1"/>
  </si>
  <si>
    <t>④居室に係る光熱水費</t>
    <rPh sb="1" eb="3">
      <t>キョシツ</t>
    </rPh>
    <rPh sb="4" eb="5">
      <t>カカ</t>
    </rPh>
    <rPh sb="6" eb="10">
      <t>コウネツスイヒ</t>
    </rPh>
    <phoneticPr fontId="1"/>
  </si>
  <si>
    <t>⑤入所者が選定する特別なサービスの提供を行ったことに伴い必要</t>
    <rPh sb="1" eb="4">
      <t>ニュウショシャ</t>
    </rPh>
    <rPh sb="5" eb="7">
      <t>センテイ</t>
    </rPh>
    <rPh sb="9" eb="11">
      <t>トクベツ</t>
    </rPh>
    <rPh sb="17" eb="19">
      <t>テイキョウ</t>
    </rPh>
    <rPh sb="20" eb="21">
      <t>オコナ</t>
    </rPh>
    <rPh sb="26" eb="27">
      <t>トモナ</t>
    </rPh>
    <rPh sb="28" eb="30">
      <t>ヒツヨウ</t>
    </rPh>
    <phoneticPr fontId="1"/>
  </si>
  <si>
    <t>　となる費用</t>
    <rPh sb="4" eb="6">
      <t>ヒヨウ</t>
    </rPh>
    <phoneticPr fontId="1"/>
  </si>
  <si>
    <t>⑥前各号に掲げるもののほか、軽費老人ホームにおいて提供される</t>
    <rPh sb="1" eb="2">
      <t>ゼン</t>
    </rPh>
    <rPh sb="2" eb="4">
      <t>カクゴウ</t>
    </rPh>
    <rPh sb="5" eb="6">
      <t>カカ</t>
    </rPh>
    <rPh sb="14" eb="16">
      <t>ケイヒ</t>
    </rPh>
    <rPh sb="16" eb="18">
      <t>ロウジン</t>
    </rPh>
    <rPh sb="25" eb="27">
      <t>テイキョウ</t>
    </rPh>
    <phoneticPr fontId="1"/>
  </si>
  <si>
    <t>　便宜のうち日常生活においても通常必要となるものに係る費用</t>
    <rPh sb="1" eb="3">
      <t>ベンギ</t>
    </rPh>
    <rPh sb="6" eb="8">
      <t>ニチジョウ</t>
    </rPh>
    <rPh sb="8" eb="10">
      <t>セイカツ</t>
    </rPh>
    <rPh sb="15" eb="17">
      <t>ツウジョウ</t>
    </rPh>
    <rPh sb="17" eb="19">
      <t>ヒツヨウ</t>
    </rPh>
    <rPh sb="25" eb="26">
      <t>カカ</t>
    </rPh>
    <rPh sb="27" eb="29">
      <t>ヒヨウ</t>
    </rPh>
    <phoneticPr fontId="1"/>
  </si>
  <si>
    <t>　であって、入所者に負担させることが適当と認められるもの</t>
    <rPh sb="6" eb="9">
      <t>ニュウショシャ</t>
    </rPh>
    <rPh sb="10" eb="12">
      <t>フタン</t>
    </rPh>
    <rPh sb="18" eb="20">
      <t>テキトウ</t>
    </rPh>
    <rPh sb="21" eb="22">
      <t>ミト</t>
    </rPh>
    <phoneticPr fontId="1"/>
  </si>
  <si>
    <t>◎基準条例第28条
1 軽費老人ホームは、当該軽費老人ホームの見やすい場所に、運営規程の概要、職員の勤務体制、協力医療機関、利用
　料その他サービスの選択に資すると認められる重要事項（以下この条において単に「重要事項」という。）を掲示し
　なければならない。
2 軽費老人ホームは、重要事項を記載した書面を当該軽費老人ホームに備え付け、かつ、これをいつでも関係者に自由
　に閲覧させることにより、前項の規定による掲示に代えることができる。
3 軽費老人ホームは、原則として、重要事項をウェブサイトに掲載しなければならない。
○解釈通知第5-15
・施設の見やすい場所とは、重要事項を伝えるべき入所申込者、入所者又はその家族に対して見やすい場所のことであ
　る。
・自ら管理するウェブサイト（法人のホームページ等）を有さず、掲載が過重な負担となる場合は、ウェブサイトへの
　掲載は行わないことができること。
・職員の勤務体制については、職種ごと、常勤・非常勤ごと等の人数を掲示する趣旨であり、職員の氏名まで掲示する
　ことを求めるものではないこと。</t>
    <rPh sb="92" eb="94">
      <t>イカ</t>
    </rPh>
    <rPh sb="96" eb="97">
      <t>ジョウ</t>
    </rPh>
    <rPh sb="101" eb="102">
      <t>タン</t>
    </rPh>
    <rPh sb="104" eb="106">
      <t>ジュウヨウ</t>
    </rPh>
    <rPh sb="106" eb="108">
      <t>ジコウ</t>
    </rPh>
    <rPh sb="141" eb="143">
      <t>ジュウヨウ</t>
    </rPh>
    <rPh sb="198" eb="200">
      <t>ゼンコウ</t>
    </rPh>
    <rPh sb="222" eb="224">
      <t>ケイヒ</t>
    </rPh>
    <rPh sb="224" eb="226">
      <t>ロウジン</t>
    </rPh>
    <rPh sb="231" eb="233">
      <t>ゲンソク</t>
    </rPh>
    <rPh sb="237" eb="239">
      <t>ジュウヨウ</t>
    </rPh>
    <rPh sb="239" eb="241">
      <t>ジコウ</t>
    </rPh>
    <rPh sb="249" eb="251">
      <t>ケイサイ</t>
    </rPh>
    <phoneticPr fontId="1"/>
  </si>
  <si>
    <t>　・事故発生の防止のための指針を整備しているか。</t>
    <rPh sb="2" eb="4">
      <t>ジコ</t>
    </rPh>
    <rPh sb="4" eb="6">
      <t>ハッセイ</t>
    </rPh>
    <rPh sb="7" eb="9">
      <t>ボウシ</t>
    </rPh>
    <rPh sb="13" eb="15">
      <t>シシン</t>
    </rPh>
    <rPh sb="16" eb="18">
      <t>セイビ</t>
    </rPh>
    <phoneticPr fontId="1"/>
  </si>
  <si>
    <t>　・事故が発生又はその危険が生じた場合に、当該事実を報告するため</t>
    <rPh sb="2" eb="4">
      <t>ジコ</t>
    </rPh>
    <rPh sb="5" eb="7">
      <t>ハッセイ</t>
    </rPh>
    <rPh sb="7" eb="8">
      <t>マタ</t>
    </rPh>
    <rPh sb="11" eb="13">
      <t>キケン</t>
    </rPh>
    <rPh sb="14" eb="15">
      <t>ショウ</t>
    </rPh>
    <rPh sb="17" eb="19">
      <t>バアイ</t>
    </rPh>
    <rPh sb="21" eb="23">
      <t>トウガイ</t>
    </rPh>
    <rPh sb="23" eb="25">
      <t>ジジツ</t>
    </rPh>
    <rPh sb="26" eb="28">
      <t>ホウコク</t>
    </rPh>
    <phoneticPr fontId="1"/>
  </si>
  <si>
    <t>　　の様式を整備しているか。</t>
    <rPh sb="3" eb="5">
      <t>ヨウシキ</t>
    </rPh>
    <rPh sb="6" eb="8">
      <t>セイビ</t>
    </rPh>
    <phoneticPr fontId="1"/>
  </si>
  <si>
    <t>　・報告された介護事故等の事例を集計し、分析し、防止策を検討して</t>
    <rPh sb="2" eb="4">
      <t>ホウコク</t>
    </rPh>
    <rPh sb="7" eb="9">
      <t>カイゴ</t>
    </rPh>
    <rPh sb="9" eb="11">
      <t>ジコ</t>
    </rPh>
    <rPh sb="11" eb="12">
      <t>トウ</t>
    </rPh>
    <rPh sb="13" eb="15">
      <t>ジレイ</t>
    </rPh>
    <rPh sb="16" eb="18">
      <t>シュウケイ</t>
    </rPh>
    <rPh sb="20" eb="22">
      <t>ブンセキ</t>
    </rPh>
    <rPh sb="24" eb="26">
      <t>ボウシ</t>
    </rPh>
    <rPh sb="26" eb="27">
      <t>サク</t>
    </rPh>
    <phoneticPr fontId="1"/>
  </si>
  <si>
    <t>　・報告された事例及び分析結果を職員に周知しているか。</t>
    <rPh sb="2" eb="4">
      <t>ホウコク</t>
    </rPh>
    <rPh sb="7" eb="9">
      <t>ジレイ</t>
    </rPh>
    <rPh sb="9" eb="10">
      <t>オヨ</t>
    </rPh>
    <rPh sb="11" eb="13">
      <t>ブンセキ</t>
    </rPh>
    <rPh sb="13" eb="15">
      <t>ケッカ</t>
    </rPh>
    <rPh sb="16" eb="18">
      <t>ショクイン</t>
    </rPh>
    <rPh sb="19" eb="21">
      <t>シュウチ</t>
    </rPh>
    <phoneticPr fontId="1"/>
  </si>
  <si>
    <t>　・事故発生の防止のための委員会を定期的に開催しているか。</t>
    <rPh sb="2" eb="4">
      <t>ジコ</t>
    </rPh>
    <rPh sb="4" eb="6">
      <t>ハッセイ</t>
    </rPh>
    <rPh sb="7" eb="9">
      <t>ボウシ</t>
    </rPh>
    <rPh sb="13" eb="16">
      <t>イインカイ</t>
    </rPh>
    <rPh sb="17" eb="20">
      <t>テイキテキ</t>
    </rPh>
    <rPh sb="21" eb="23">
      <t>カイサイ</t>
    </rPh>
    <phoneticPr fontId="1"/>
  </si>
  <si>
    <t>　　（Ⅳ－２４－(5)（p.37）において確認）</t>
    <phoneticPr fontId="1"/>
  </si>
  <si>
    <t>　　（Ⅳ－２４－(6)（p.37）において確認）</t>
    <phoneticPr fontId="1"/>
  </si>
  <si>
    <t>　・事故発生の防止のための職員に対する研修を定期的に開催している</t>
    <rPh sb="2" eb="4">
      <t>ジコ</t>
    </rPh>
    <rPh sb="4" eb="6">
      <t>ハッセイ</t>
    </rPh>
    <rPh sb="7" eb="9">
      <t>ボウシ</t>
    </rPh>
    <rPh sb="13" eb="15">
      <t>ショクイン</t>
    </rPh>
    <rPh sb="16" eb="17">
      <t>タイ</t>
    </rPh>
    <rPh sb="19" eb="21">
      <t>ケンシュウ</t>
    </rPh>
    <rPh sb="22" eb="25">
      <t>テイキテキ</t>
    </rPh>
    <rPh sb="26" eb="28">
      <t>カイサイ</t>
    </rPh>
    <phoneticPr fontId="1"/>
  </si>
  <si>
    <t>　　か。（年２回以上）（Ⅳ－２４－(6)（p.37）において確認）</t>
    <rPh sb="5" eb="6">
      <t>ネン</t>
    </rPh>
    <rPh sb="7" eb="8">
      <t>カイ</t>
    </rPh>
    <rPh sb="8" eb="10">
      <t>イジョウ</t>
    </rPh>
    <phoneticPr fontId="1"/>
  </si>
  <si>
    <t>　・事故発生時、速やかに市町村、入所者家族等に報告しているか。</t>
    <rPh sb="2" eb="4">
      <t>ジコ</t>
    </rPh>
    <rPh sb="4" eb="6">
      <t>ハッセイ</t>
    </rPh>
    <rPh sb="6" eb="7">
      <t>ジ</t>
    </rPh>
    <rPh sb="8" eb="9">
      <t>スミ</t>
    </rPh>
    <rPh sb="12" eb="15">
      <t>シチョウソン</t>
    </rPh>
    <rPh sb="16" eb="19">
      <t>ニュウショシャ</t>
    </rPh>
    <rPh sb="19" eb="21">
      <t>カゾク</t>
    </rPh>
    <rPh sb="21" eb="22">
      <t>トウ</t>
    </rPh>
    <rPh sb="23" eb="25">
      <t>ホウコク</t>
    </rPh>
    <phoneticPr fontId="1"/>
  </si>
  <si>
    <t>　・事故状況、事故に際して取った処置を記録しているか。</t>
    <rPh sb="2" eb="4">
      <t>ジコ</t>
    </rPh>
    <rPh sb="4" eb="6">
      <t>ジョウキョウ</t>
    </rPh>
    <rPh sb="7" eb="9">
      <t>ジコ</t>
    </rPh>
    <rPh sb="10" eb="11">
      <t>サイ</t>
    </rPh>
    <rPh sb="13" eb="14">
      <t>ト</t>
    </rPh>
    <rPh sb="16" eb="18">
      <t>ショチ</t>
    </rPh>
    <rPh sb="19" eb="21">
      <t>キロク</t>
    </rPh>
    <phoneticPr fontId="1"/>
  </si>
  <si>
    <t>　　（Ⅳ－２４－(3)（p.37）において確認）</t>
    <phoneticPr fontId="1"/>
  </si>
  <si>
    <t>　・損害賠償すべき事故が発生した場合に、速やかに賠償を行っている</t>
    <rPh sb="2" eb="6">
      <t>ソンガイバイショウ</t>
    </rPh>
    <rPh sb="9" eb="11">
      <t>ジコ</t>
    </rPh>
    <rPh sb="12" eb="14">
      <t>ハッセイ</t>
    </rPh>
    <rPh sb="16" eb="18">
      <t>バアイ</t>
    </rPh>
    <rPh sb="20" eb="21">
      <t>スミ</t>
    </rPh>
    <rPh sb="24" eb="26">
      <t>バイショウ</t>
    </rPh>
    <rPh sb="27" eb="28">
      <t>オコナ</t>
    </rPh>
    <phoneticPr fontId="1"/>
  </si>
  <si>
    <t>　　か。</t>
    <phoneticPr fontId="1"/>
  </si>
  <si>
    <t>　　（Ⅳ－２４－(4)（p.37）において確認）</t>
    <phoneticPr fontId="1"/>
  </si>
  <si>
    <t>(1) 非常災害に係る業務継続計画を策定しているか。</t>
    <rPh sb="4" eb="6">
      <t>ヒジョウ</t>
    </rPh>
    <rPh sb="6" eb="8">
      <t>サイガイ</t>
    </rPh>
    <rPh sb="9" eb="10">
      <t>カカ</t>
    </rPh>
    <rPh sb="11" eb="13">
      <t>ギョウム</t>
    </rPh>
    <rPh sb="13" eb="17">
      <t>ケイゾクケイカク</t>
    </rPh>
    <rPh sb="18" eb="20">
      <t>サクテイ</t>
    </rPh>
    <phoneticPr fontId="1"/>
  </si>
  <si>
    <t>(2) 感染症予防対策が取られているか。また、発生時への備えが講じら</t>
    <rPh sb="4" eb="7">
      <t>カンセンショウ</t>
    </rPh>
    <rPh sb="7" eb="9">
      <t>ヨボウ</t>
    </rPh>
    <rPh sb="9" eb="11">
      <t>タイサク</t>
    </rPh>
    <rPh sb="12" eb="13">
      <t>ト</t>
    </rPh>
    <rPh sb="23" eb="25">
      <t>ハッセイ</t>
    </rPh>
    <rPh sb="25" eb="26">
      <t>ジ</t>
    </rPh>
    <rPh sb="28" eb="29">
      <t>ソナ</t>
    </rPh>
    <phoneticPr fontId="1"/>
  </si>
  <si>
    <t>(3) 事故防止対策や発生時の対応が適切に行われているか。</t>
    <rPh sb="4" eb="6">
      <t>ジコ</t>
    </rPh>
    <rPh sb="6" eb="10">
      <t>ボウシタイサク</t>
    </rPh>
    <rPh sb="11" eb="13">
      <t>ハッセイ</t>
    </rPh>
    <rPh sb="13" eb="14">
      <t>ジ</t>
    </rPh>
    <rPh sb="15" eb="17">
      <t>タイオウ</t>
    </rPh>
    <rPh sb="18" eb="20">
      <t>テキセツ</t>
    </rPh>
    <rPh sb="21" eb="22">
      <t>オコナ</t>
    </rPh>
    <phoneticPr fontId="1"/>
  </si>
  <si>
    <t>(2) 事故が発生した場合又はその危険性がある事態が生じた場合に、</t>
    <rPh sb="4" eb="6">
      <t>ジコ</t>
    </rPh>
    <rPh sb="7" eb="9">
      <t>ハッセイ</t>
    </rPh>
    <rPh sb="11" eb="13">
      <t>バアイ</t>
    </rPh>
    <rPh sb="13" eb="14">
      <t>マタ</t>
    </rPh>
    <rPh sb="17" eb="20">
      <t>キケンセイ</t>
    </rPh>
    <rPh sb="23" eb="25">
      <t>ジタイ</t>
    </rPh>
    <rPh sb="26" eb="27">
      <t>ショウ</t>
    </rPh>
    <rPh sb="29" eb="31">
      <t>バアイ</t>
    </rPh>
    <phoneticPr fontId="1"/>
  </si>
  <si>
    <t>　  当該事実が報告され、その分析を通じた改善策について、職員に</t>
    <rPh sb="5" eb="7">
      <t>ジジツ</t>
    </rPh>
    <rPh sb="8" eb="10">
      <t>ホウコク</t>
    </rPh>
    <rPh sb="15" eb="17">
      <t>ブンセキ</t>
    </rPh>
    <rPh sb="18" eb="19">
      <t>ツウ</t>
    </rPh>
    <rPh sb="21" eb="24">
      <t>カイゼンサク</t>
    </rPh>
    <rPh sb="29" eb="31">
      <t>ショクイン</t>
    </rPh>
    <phoneticPr fontId="1"/>
  </si>
  <si>
    <t>　  周知徹底する体制が整備されているか。</t>
    <rPh sb="9" eb="11">
      <t>タイセイ</t>
    </rPh>
    <rPh sb="12" eb="14">
      <t>セイビ</t>
    </rPh>
    <phoneticPr fontId="1"/>
  </si>
  <si>
    <t>(3) 市町村、入所者家族等に報告しているか。</t>
    <rPh sb="4" eb="7">
      <t>シチョウソン</t>
    </rPh>
    <rPh sb="8" eb="11">
      <t>ニュウショシャ</t>
    </rPh>
    <rPh sb="11" eb="13">
      <t>カゾク</t>
    </rPh>
    <rPh sb="13" eb="14">
      <t>トウ</t>
    </rPh>
    <rPh sb="15" eb="17">
      <t>ホウコク</t>
    </rPh>
    <phoneticPr fontId="1"/>
  </si>
  <si>
    <t>(4) 事故状況、事故に際して採った処置を記録しているか。</t>
    <rPh sb="4" eb="6">
      <t>ジコ</t>
    </rPh>
    <rPh sb="6" eb="8">
      <t>ジョウキョウ</t>
    </rPh>
    <rPh sb="9" eb="11">
      <t>ジコ</t>
    </rPh>
    <rPh sb="12" eb="13">
      <t>サイ</t>
    </rPh>
    <rPh sb="15" eb="16">
      <t>ト</t>
    </rPh>
    <rPh sb="18" eb="20">
      <t>ショチ</t>
    </rPh>
    <rPh sb="21" eb="23">
      <t>キロク</t>
    </rPh>
    <phoneticPr fontId="1"/>
  </si>
  <si>
    <t>(5) 損害賠償すべき事故が発生した場合に、速やかに賠償を行っている</t>
    <rPh sb="4" eb="8">
      <t>ソンガイバイショウ</t>
    </rPh>
    <rPh sb="11" eb="13">
      <t>ジコ</t>
    </rPh>
    <rPh sb="14" eb="16">
      <t>ハッセイ</t>
    </rPh>
    <rPh sb="18" eb="20">
      <t>バアイ</t>
    </rPh>
    <rPh sb="22" eb="23">
      <t>スミ</t>
    </rPh>
    <rPh sb="26" eb="28">
      <t>バイショウ</t>
    </rPh>
    <rPh sb="29" eb="30">
      <t>オコナ</t>
    </rPh>
    <phoneticPr fontId="1"/>
  </si>
  <si>
    <t>(6) 事故発生の防止のための委員会及び職員に対する研修を定期的に行</t>
    <rPh sb="4" eb="6">
      <t>ジコ</t>
    </rPh>
    <rPh sb="6" eb="8">
      <t>ハッセイ</t>
    </rPh>
    <rPh sb="9" eb="11">
      <t>ボウシ</t>
    </rPh>
    <rPh sb="15" eb="18">
      <t>イインカイ</t>
    </rPh>
    <rPh sb="18" eb="19">
      <t>オヨ</t>
    </rPh>
    <rPh sb="20" eb="22">
      <t>ショクイン</t>
    </rPh>
    <rPh sb="23" eb="24">
      <t>タイ</t>
    </rPh>
    <rPh sb="26" eb="28">
      <t>ケンシュウ</t>
    </rPh>
    <rPh sb="29" eb="31">
      <t>テイキ</t>
    </rPh>
    <phoneticPr fontId="1"/>
  </si>
  <si>
    <t>(7) 上記の措置を適切に実施するための担当者を置いているか。</t>
    <rPh sb="4" eb="6">
      <t>ジョウキ</t>
    </rPh>
    <rPh sb="7" eb="9">
      <t>ソチ</t>
    </rPh>
    <rPh sb="10" eb="12">
      <t>テキセツ</t>
    </rPh>
    <rPh sb="13" eb="15">
      <t>ジッシ</t>
    </rPh>
    <rPh sb="20" eb="23">
      <t>タントウシャ</t>
    </rPh>
    <rPh sb="24" eb="25">
      <t>オ</t>
    </rPh>
    <phoneticPr fontId="1"/>
  </si>
  <si>
    <t>　　（Ⅳ－２４－(1)(2)（p.37）において確認）</t>
    <phoneticPr fontId="1"/>
  </si>
  <si>
    <t>　　か。（年２回以上）（Ⅳ－２４－(6)（p.37）において確認）</t>
    <phoneticPr fontId="1"/>
  </si>
  <si>
    <t>　　（Ⅳ－２４－(7)（p.37）において確認）</t>
    <phoneticPr fontId="1"/>
  </si>
  <si>
    <t>□利用料算定に関する</t>
    <rPh sb="1" eb="4">
      <t>リヨウリョウ</t>
    </rPh>
    <rPh sb="4" eb="6">
      <t>サンテイ</t>
    </rPh>
    <rPh sb="7" eb="8">
      <t>カン</t>
    </rPh>
    <phoneticPr fontId="1"/>
  </si>
  <si>
    <t>　書類</t>
    <rPh sb="1" eb="3">
      <t>ショルイ</t>
    </rPh>
    <phoneticPr fontId="1"/>
  </si>
  <si>
    <t>　定期的に実施しているか。（研修、訓練ともに年２回以上）</t>
    <rPh sb="1" eb="3">
      <t>テイキ</t>
    </rPh>
    <rPh sb="2" eb="3">
      <t>キ</t>
    </rPh>
    <rPh sb="3" eb="4">
      <t>テキ</t>
    </rPh>
    <rPh sb="5" eb="7">
      <t>ジッシ</t>
    </rPh>
    <phoneticPr fontId="1"/>
  </si>
  <si>
    <t>【事実の報告及びその分析を通じた改善策の職員に対する周知徹底】
・具体的には次のようなことを想定している。
　①介護事故等について報告するための様式を整備すること。
　②介護職員その他の職員は、介護事故等の発生又は発見ごとにその状況、背景等を記録するとともに、①の様式に従
　　い、介護事故等について報告すること。
　③事故発生の防止のための委員会において②により報告された事例を集計し、分析すること。
　④事例の分析に当たっては、介護事故等の発生時の状況等を分析し、介護事故等の発生原因、結果等をとりまとめ、
　　防止策を検討すること。
　⑤報告された事例及び分析結果を職員に周知徹底すること。
　⑥防止策を講じた後に、その効果について評価すること。
・周知徹底する目的は、介護事故等について施設全体で情報共有し、今後の再発防止につなげるためのものであり、決　　
　して職員の懲罰を目的としたものではないことに留意すること。</t>
    <rPh sb="1" eb="3">
      <t>ジジツ</t>
    </rPh>
    <rPh sb="4" eb="6">
      <t>ホウコク</t>
    </rPh>
    <rPh sb="6" eb="7">
      <t>オヨ</t>
    </rPh>
    <rPh sb="10" eb="12">
      <t>ブンセキ</t>
    </rPh>
    <rPh sb="13" eb="14">
      <t>ツウ</t>
    </rPh>
    <rPh sb="16" eb="19">
      <t>カイゼンサク</t>
    </rPh>
    <rPh sb="20" eb="22">
      <t>ショクイン</t>
    </rPh>
    <rPh sb="23" eb="24">
      <t>タイ</t>
    </rPh>
    <rPh sb="26" eb="28">
      <t>シュウチ</t>
    </rPh>
    <rPh sb="28" eb="30">
      <t>テッテイ</t>
    </rPh>
    <rPh sb="33" eb="36">
      <t>グタイテキ</t>
    </rPh>
    <rPh sb="38" eb="39">
      <t>ツギ</t>
    </rPh>
    <rPh sb="46" eb="48">
      <t>ソウテイ</t>
    </rPh>
    <rPh sb="56" eb="58">
      <t>カイゴ</t>
    </rPh>
    <rPh sb="58" eb="60">
      <t>ジコ</t>
    </rPh>
    <rPh sb="60" eb="61">
      <t>トウ</t>
    </rPh>
    <rPh sb="65" eb="67">
      <t>ホウコク</t>
    </rPh>
    <rPh sb="72" eb="74">
      <t>ヨウシキ</t>
    </rPh>
    <rPh sb="75" eb="77">
      <t>セイビ</t>
    </rPh>
    <rPh sb="85" eb="87">
      <t>カイゴ</t>
    </rPh>
    <rPh sb="87" eb="89">
      <t>ショクイン</t>
    </rPh>
    <rPh sb="91" eb="92">
      <t>タ</t>
    </rPh>
    <rPh sb="93" eb="95">
      <t>ショクイン</t>
    </rPh>
    <rPh sb="97" eb="99">
      <t>カイゴ</t>
    </rPh>
    <rPh sb="99" eb="101">
      <t>ジコ</t>
    </rPh>
    <rPh sb="101" eb="102">
      <t>トウ</t>
    </rPh>
    <rPh sb="103" eb="105">
      <t>ハッセイ</t>
    </rPh>
    <rPh sb="105" eb="106">
      <t>マタ</t>
    </rPh>
    <rPh sb="107" eb="109">
      <t>ハッケン</t>
    </rPh>
    <rPh sb="114" eb="116">
      <t>ジョウキョウ</t>
    </rPh>
    <rPh sb="117" eb="119">
      <t>ハイケイ</t>
    </rPh>
    <rPh sb="119" eb="120">
      <t>トウ</t>
    </rPh>
    <rPh sb="121" eb="123">
      <t>キロク</t>
    </rPh>
    <rPh sb="132" eb="134">
      <t>ヨウシキ</t>
    </rPh>
    <rPh sb="135" eb="136">
      <t>シタガ</t>
    </rPh>
    <rPh sb="141" eb="143">
      <t>カイゴ</t>
    </rPh>
    <rPh sb="143" eb="145">
      <t>ジコ</t>
    </rPh>
    <rPh sb="145" eb="146">
      <t>トウ</t>
    </rPh>
    <rPh sb="150" eb="152">
      <t>ホウコク</t>
    </rPh>
    <rPh sb="160" eb="162">
      <t>ジコ</t>
    </rPh>
    <rPh sb="162" eb="164">
      <t>ハッセイ</t>
    </rPh>
    <rPh sb="165" eb="167">
      <t>ボウシ</t>
    </rPh>
    <rPh sb="171" eb="174">
      <t>イインカイ</t>
    </rPh>
    <rPh sb="182" eb="184">
      <t>ホウコク</t>
    </rPh>
    <rPh sb="187" eb="189">
      <t>ジレイ</t>
    </rPh>
    <rPh sb="190" eb="192">
      <t>シュウケイ</t>
    </rPh>
    <rPh sb="194" eb="196">
      <t>ブンセキ</t>
    </rPh>
    <rPh sb="204" eb="206">
      <t>ジレイ</t>
    </rPh>
    <rPh sb="207" eb="209">
      <t>ブンセキ</t>
    </rPh>
    <rPh sb="210" eb="211">
      <t>ア</t>
    </rPh>
    <rPh sb="216" eb="218">
      <t>カイゴ</t>
    </rPh>
    <rPh sb="218" eb="220">
      <t>ジコ</t>
    </rPh>
    <rPh sb="220" eb="221">
      <t>トウ</t>
    </rPh>
    <rPh sb="222" eb="224">
      <t>ハッセイ</t>
    </rPh>
    <rPh sb="224" eb="225">
      <t>ジ</t>
    </rPh>
    <rPh sb="226" eb="228">
      <t>ジョウキョウ</t>
    </rPh>
    <rPh sb="228" eb="229">
      <t>トウ</t>
    </rPh>
    <rPh sb="230" eb="232">
      <t>ブンセキ</t>
    </rPh>
    <rPh sb="234" eb="236">
      <t>カイゴ</t>
    </rPh>
    <rPh sb="236" eb="238">
      <t>ジコ</t>
    </rPh>
    <rPh sb="238" eb="239">
      <t>トウ</t>
    </rPh>
    <rPh sb="240" eb="242">
      <t>ハッセイ</t>
    </rPh>
    <rPh sb="242" eb="244">
      <t>ゲンイン</t>
    </rPh>
    <rPh sb="245" eb="247">
      <t>ケッカ</t>
    </rPh>
    <rPh sb="247" eb="248">
      <t>トウ</t>
    </rPh>
    <rPh sb="258" eb="260">
      <t>ボウシ</t>
    </rPh>
    <rPh sb="260" eb="261">
      <t>サク</t>
    </rPh>
    <rPh sb="262" eb="264">
      <t>ケントウ</t>
    </rPh>
    <rPh sb="272" eb="274">
      <t>ホウコク</t>
    </rPh>
    <rPh sb="277" eb="279">
      <t>ジレイ</t>
    </rPh>
    <rPh sb="279" eb="280">
      <t>オヨ</t>
    </rPh>
    <rPh sb="281" eb="283">
      <t>ブンセキ</t>
    </rPh>
    <rPh sb="283" eb="285">
      <t>ケッカ</t>
    </rPh>
    <rPh sb="286" eb="288">
      <t>ショクイン</t>
    </rPh>
    <rPh sb="289" eb="291">
      <t>シュウチ</t>
    </rPh>
    <rPh sb="291" eb="293">
      <t>テッテイ</t>
    </rPh>
    <rPh sb="301" eb="303">
      <t>ボウシ</t>
    </rPh>
    <rPh sb="303" eb="304">
      <t>サク</t>
    </rPh>
    <rPh sb="305" eb="306">
      <t>コウ</t>
    </rPh>
    <rPh sb="308" eb="309">
      <t>ノチ</t>
    </rPh>
    <rPh sb="313" eb="315">
      <t>コウカ</t>
    </rPh>
    <rPh sb="319" eb="321">
      <t>ヒョウカ</t>
    </rPh>
    <rPh sb="328" eb="330">
      <t>シュウチ</t>
    </rPh>
    <rPh sb="330" eb="332">
      <t>テッテイ</t>
    </rPh>
    <rPh sb="334" eb="336">
      <t>モクテキ</t>
    </rPh>
    <rPh sb="338" eb="340">
      <t>カイゴ</t>
    </rPh>
    <rPh sb="340" eb="342">
      <t>ジコ</t>
    </rPh>
    <rPh sb="342" eb="343">
      <t>トウ</t>
    </rPh>
    <rPh sb="347" eb="349">
      <t>シセツ</t>
    </rPh>
    <rPh sb="349" eb="351">
      <t>ゼンタイ</t>
    </rPh>
    <rPh sb="352" eb="354">
      <t>ジョウホウ</t>
    </rPh>
    <rPh sb="354" eb="356">
      <t>キョウユウ</t>
    </rPh>
    <rPh sb="358" eb="360">
      <t>コンゴ</t>
    </rPh>
    <rPh sb="361" eb="365">
      <t>サイハツボウシ</t>
    </rPh>
    <rPh sb="379" eb="380">
      <t>ケッ</t>
    </rPh>
    <rPh sb="386" eb="388">
      <t>ショクイン</t>
    </rPh>
    <rPh sb="389" eb="391">
      <t>チョウバツ</t>
    </rPh>
    <rPh sb="392" eb="394">
      <t>モクテキ</t>
    </rPh>
    <rPh sb="406" eb="408">
      <t>リュウイ</t>
    </rPh>
    <phoneticPr fontId="1"/>
  </si>
  <si>
    <t>□担当者を置いている</t>
    <rPh sb="1" eb="4">
      <t>タントウシャ</t>
    </rPh>
    <rPh sb="5" eb="6">
      <t>チ</t>
    </rPh>
    <phoneticPr fontId="1"/>
  </si>
  <si>
    <t>【事実の報告及びその分析を通じた改善策の職員に対する周知徹底】
・具体的には次のようなことを想定している。
　①介護事故等について報告するための様式を整備すること。
　②介護職員その他の職員は、介護事故等の発生又は発見ごとにその状況、背景等を記録するとともに、①の様式に従
　　い、介護事故等について報告すること。
　③事故発生の防止のための委員会において②により報告された事例を集計し、分析すること。
　④事例の分析に当たっては、介護事故等の発生時の状況等を分析し、介護事故等の発生原因、結果等をとりまとめ、
　　防止策を検討すること。
　⑤報告された事例及び分析結果を職員に周知徹底すること。
　⑥防止策を講じた後に、その効果について評価すること。
・周知徹底する目的は、介護事故等について施設全体で情報共有し、今後の再発防止につなげるためのものであり、決し
　て職員の懲罰を目的としたものではないことに留意すること。</t>
    <rPh sb="1" eb="3">
      <t>ジジツ</t>
    </rPh>
    <rPh sb="4" eb="6">
      <t>ホウコク</t>
    </rPh>
    <rPh sb="6" eb="7">
      <t>オヨ</t>
    </rPh>
    <rPh sb="10" eb="12">
      <t>ブンセキ</t>
    </rPh>
    <rPh sb="13" eb="14">
      <t>ツウ</t>
    </rPh>
    <rPh sb="16" eb="19">
      <t>カイゼンサク</t>
    </rPh>
    <rPh sb="20" eb="22">
      <t>ショクイン</t>
    </rPh>
    <rPh sb="23" eb="24">
      <t>タイ</t>
    </rPh>
    <rPh sb="26" eb="28">
      <t>シュウチ</t>
    </rPh>
    <rPh sb="28" eb="30">
      <t>テッテイ</t>
    </rPh>
    <rPh sb="33" eb="36">
      <t>グタイテキ</t>
    </rPh>
    <rPh sb="38" eb="39">
      <t>ツギ</t>
    </rPh>
    <rPh sb="46" eb="48">
      <t>ソウテイ</t>
    </rPh>
    <rPh sb="56" eb="58">
      <t>カイゴ</t>
    </rPh>
    <rPh sb="58" eb="60">
      <t>ジコ</t>
    </rPh>
    <rPh sb="60" eb="61">
      <t>トウ</t>
    </rPh>
    <rPh sb="65" eb="67">
      <t>ホウコク</t>
    </rPh>
    <rPh sb="72" eb="74">
      <t>ヨウシキ</t>
    </rPh>
    <rPh sb="75" eb="77">
      <t>セイビ</t>
    </rPh>
    <rPh sb="85" eb="87">
      <t>カイゴ</t>
    </rPh>
    <rPh sb="87" eb="89">
      <t>ショクイン</t>
    </rPh>
    <rPh sb="91" eb="92">
      <t>タ</t>
    </rPh>
    <rPh sb="93" eb="95">
      <t>ショクイン</t>
    </rPh>
    <rPh sb="97" eb="99">
      <t>カイゴ</t>
    </rPh>
    <rPh sb="99" eb="101">
      <t>ジコ</t>
    </rPh>
    <rPh sb="101" eb="102">
      <t>トウ</t>
    </rPh>
    <rPh sb="103" eb="105">
      <t>ハッセイ</t>
    </rPh>
    <rPh sb="105" eb="106">
      <t>マタ</t>
    </rPh>
    <rPh sb="107" eb="109">
      <t>ハッケン</t>
    </rPh>
    <rPh sb="114" eb="116">
      <t>ジョウキョウ</t>
    </rPh>
    <rPh sb="117" eb="119">
      <t>ハイケイ</t>
    </rPh>
    <rPh sb="119" eb="120">
      <t>トウ</t>
    </rPh>
    <rPh sb="121" eb="123">
      <t>キロク</t>
    </rPh>
    <rPh sb="132" eb="134">
      <t>ヨウシキ</t>
    </rPh>
    <rPh sb="135" eb="136">
      <t>シタガ</t>
    </rPh>
    <rPh sb="141" eb="143">
      <t>カイゴ</t>
    </rPh>
    <rPh sb="143" eb="145">
      <t>ジコ</t>
    </rPh>
    <rPh sb="145" eb="146">
      <t>トウ</t>
    </rPh>
    <rPh sb="150" eb="152">
      <t>ホウコク</t>
    </rPh>
    <rPh sb="160" eb="162">
      <t>ジコ</t>
    </rPh>
    <rPh sb="162" eb="164">
      <t>ハッセイ</t>
    </rPh>
    <rPh sb="165" eb="167">
      <t>ボウシ</t>
    </rPh>
    <rPh sb="171" eb="174">
      <t>イインカイ</t>
    </rPh>
    <rPh sb="182" eb="184">
      <t>ホウコク</t>
    </rPh>
    <rPh sb="187" eb="189">
      <t>ジレイ</t>
    </rPh>
    <rPh sb="190" eb="192">
      <t>シュウケイ</t>
    </rPh>
    <rPh sb="194" eb="196">
      <t>ブンセキ</t>
    </rPh>
    <rPh sb="204" eb="206">
      <t>ジレイ</t>
    </rPh>
    <rPh sb="207" eb="209">
      <t>ブンセキ</t>
    </rPh>
    <rPh sb="210" eb="211">
      <t>ア</t>
    </rPh>
    <rPh sb="216" eb="218">
      <t>カイゴ</t>
    </rPh>
    <rPh sb="218" eb="220">
      <t>ジコ</t>
    </rPh>
    <rPh sb="220" eb="221">
      <t>トウ</t>
    </rPh>
    <rPh sb="222" eb="224">
      <t>ハッセイ</t>
    </rPh>
    <rPh sb="224" eb="225">
      <t>ジ</t>
    </rPh>
    <rPh sb="226" eb="228">
      <t>ジョウキョウ</t>
    </rPh>
    <rPh sb="228" eb="229">
      <t>トウ</t>
    </rPh>
    <rPh sb="230" eb="232">
      <t>ブンセキ</t>
    </rPh>
    <rPh sb="234" eb="236">
      <t>カイゴ</t>
    </rPh>
    <rPh sb="236" eb="238">
      <t>ジコ</t>
    </rPh>
    <rPh sb="238" eb="239">
      <t>トウ</t>
    </rPh>
    <rPh sb="240" eb="242">
      <t>ハッセイ</t>
    </rPh>
    <rPh sb="242" eb="244">
      <t>ゲンイン</t>
    </rPh>
    <rPh sb="245" eb="247">
      <t>ケッカ</t>
    </rPh>
    <rPh sb="247" eb="248">
      <t>トウ</t>
    </rPh>
    <rPh sb="258" eb="260">
      <t>ボウシ</t>
    </rPh>
    <rPh sb="260" eb="261">
      <t>サク</t>
    </rPh>
    <rPh sb="262" eb="264">
      <t>ケントウ</t>
    </rPh>
    <rPh sb="272" eb="274">
      <t>ホウコク</t>
    </rPh>
    <rPh sb="277" eb="279">
      <t>ジレイ</t>
    </rPh>
    <rPh sb="279" eb="280">
      <t>オヨ</t>
    </rPh>
    <rPh sb="281" eb="283">
      <t>ブンセキ</t>
    </rPh>
    <rPh sb="283" eb="285">
      <t>ケッカ</t>
    </rPh>
    <rPh sb="286" eb="288">
      <t>ショクイン</t>
    </rPh>
    <rPh sb="289" eb="291">
      <t>シュウチ</t>
    </rPh>
    <rPh sb="291" eb="293">
      <t>テッテイ</t>
    </rPh>
    <rPh sb="301" eb="303">
      <t>ボウシ</t>
    </rPh>
    <rPh sb="303" eb="304">
      <t>サク</t>
    </rPh>
    <rPh sb="305" eb="306">
      <t>コウ</t>
    </rPh>
    <rPh sb="308" eb="309">
      <t>ノチ</t>
    </rPh>
    <rPh sb="313" eb="315">
      <t>コウカ</t>
    </rPh>
    <rPh sb="319" eb="321">
      <t>ヒョウカ</t>
    </rPh>
    <rPh sb="328" eb="330">
      <t>シュウチ</t>
    </rPh>
    <rPh sb="330" eb="332">
      <t>テッテイ</t>
    </rPh>
    <rPh sb="334" eb="336">
      <t>モクテキ</t>
    </rPh>
    <rPh sb="338" eb="340">
      <t>カイゴ</t>
    </rPh>
    <rPh sb="340" eb="342">
      <t>ジコ</t>
    </rPh>
    <rPh sb="342" eb="343">
      <t>トウ</t>
    </rPh>
    <rPh sb="347" eb="349">
      <t>シセツ</t>
    </rPh>
    <rPh sb="349" eb="351">
      <t>ゼンタイ</t>
    </rPh>
    <rPh sb="352" eb="354">
      <t>ジョウホウ</t>
    </rPh>
    <rPh sb="354" eb="356">
      <t>キョウユウ</t>
    </rPh>
    <rPh sb="358" eb="360">
      <t>コンゴ</t>
    </rPh>
    <rPh sb="361" eb="365">
      <t>サイハツボウシ</t>
    </rPh>
    <rPh sb="379" eb="380">
      <t>ケッ</t>
    </rPh>
    <rPh sb="384" eb="386">
      <t>ショクイン</t>
    </rPh>
    <rPh sb="387" eb="389">
      <t>チョウバツ</t>
    </rPh>
    <rPh sb="390" eb="392">
      <t>モクテキ</t>
    </rPh>
    <rPh sb="404" eb="406">
      <t>リュウ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quot;▲ &quot;#,##0"/>
    <numFmt numFmtId="177" formatCode="[$-411]ggge&quot;年&quot;m&quot;月&quot;d&quot;日&quot;;@"/>
    <numFmt numFmtId="178" formatCode="0_ "/>
    <numFmt numFmtId="179" formatCode="#,##0_ "/>
    <numFmt numFmtId="180" formatCode="#,##0.0_ "/>
  </numFmts>
  <fonts count="17" x14ac:knownFonts="1">
    <font>
      <sz val="11"/>
      <name val="ＭＳ Ｐゴシック"/>
      <family val="2"/>
      <charset val="128"/>
    </font>
    <font>
      <sz val="6"/>
      <name val="ＭＳ Ｐゴシック"/>
      <family val="2"/>
      <charset val="128"/>
    </font>
    <font>
      <sz val="10"/>
      <name val="HGｺﾞｼｯｸM"/>
      <family val="3"/>
      <charset val="128"/>
    </font>
    <font>
      <sz val="9"/>
      <name val="HGｺﾞｼｯｸM"/>
      <family val="3"/>
      <charset val="128"/>
    </font>
    <font>
      <sz val="8"/>
      <name val="HGｺﾞｼｯｸM"/>
      <family val="3"/>
      <charset val="128"/>
    </font>
    <font>
      <sz val="10"/>
      <name val="ＭＳ ゴシック"/>
      <family val="3"/>
      <charset val="128"/>
    </font>
    <font>
      <sz val="14"/>
      <name val="ＭＳ ゴシック"/>
      <family val="3"/>
      <charset val="128"/>
    </font>
    <font>
      <u/>
      <sz val="8"/>
      <name val="HGｺﾞｼｯｸM"/>
      <family val="3"/>
      <charset val="128"/>
    </font>
    <font>
      <sz val="9"/>
      <name val="ＭＳ ゴシック"/>
      <family val="3"/>
      <charset val="128"/>
    </font>
    <font>
      <sz val="14"/>
      <name val="HGｺﾞｼｯｸM"/>
      <family val="3"/>
      <charset val="128"/>
    </font>
    <font>
      <u/>
      <sz val="11"/>
      <color theme="10"/>
      <name val="ＭＳ Ｐゴシック"/>
      <family val="2"/>
      <charset val="128"/>
    </font>
    <font>
      <sz val="9"/>
      <color theme="0"/>
      <name val="HGｺﾞｼｯｸM"/>
      <family val="3"/>
      <charset val="128"/>
    </font>
    <font>
      <sz val="12"/>
      <color rgb="FFFF0000"/>
      <name val="HGｺﾞｼｯｸM"/>
      <family val="3"/>
      <charset val="128"/>
    </font>
    <font>
      <sz val="14"/>
      <color rgb="FFFF0000"/>
      <name val="HGｺﾞｼｯｸM"/>
      <family val="3"/>
      <charset val="128"/>
    </font>
    <font>
      <b/>
      <sz val="14"/>
      <color rgb="FFFF0000"/>
      <name val="HGｺﾞｼｯｸM"/>
      <family val="3"/>
      <charset val="128"/>
    </font>
    <font>
      <sz val="14"/>
      <name val="Segoe UI Symbol"/>
      <family val="2"/>
    </font>
    <font>
      <sz val="10"/>
      <name val="Segoe UI Symbol"/>
      <family val="3"/>
    </font>
  </fonts>
  <fills count="11">
    <fill>
      <patternFill patternType="none"/>
    </fill>
    <fill>
      <patternFill patternType="gray125"/>
    </fill>
    <fill>
      <patternFill patternType="solid">
        <fgColor theme="0"/>
        <bgColor indexed="64"/>
      </patternFill>
    </fill>
    <fill>
      <patternFill patternType="solid">
        <fgColor theme="5" tint="0.79998168889431442"/>
        <bgColor indexed="64"/>
      </patternFill>
    </fill>
    <fill>
      <patternFill patternType="solid">
        <fgColor rgb="FFFF0000"/>
        <bgColor indexed="64"/>
      </patternFill>
    </fill>
    <fill>
      <patternFill patternType="solid">
        <fgColor theme="2" tint="-0.499984740745262"/>
        <bgColor indexed="64"/>
      </patternFill>
    </fill>
    <fill>
      <patternFill patternType="solid">
        <fgColor theme="7" tint="0.79998168889431442"/>
        <bgColor indexed="64"/>
      </patternFill>
    </fill>
    <fill>
      <patternFill patternType="solid">
        <fgColor theme="5" tint="0.59999389629810485"/>
        <bgColor indexed="64"/>
      </patternFill>
    </fill>
    <fill>
      <patternFill patternType="solid">
        <fgColor rgb="FFFFFF00"/>
        <bgColor indexed="64"/>
      </patternFill>
    </fill>
    <fill>
      <patternFill patternType="solid">
        <fgColor theme="8" tint="0.79998168889431442"/>
        <bgColor indexed="64"/>
      </patternFill>
    </fill>
    <fill>
      <patternFill patternType="solid">
        <fgColor theme="9" tint="0.79998168889431442"/>
        <bgColor indexed="64"/>
      </patternFill>
    </fill>
  </fills>
  <borders count="76">
    <border>
      <left/>
      <right/>
      <top/>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diagonal/>
    </border>
    <border>
      <left style="hair">
        <color indexed="64"/>
      </left>
      <right style="hair">
        <color indexed="64"/>
      </right>
      <top/>
      <bottom/>
      <diagonal/>
    </border>
    <border>
      <left style="hair">
        <color indexed="64"/>
      </left>
      <right style="hair">
        <color indexed="64"/>
      </right>
      <top/>
      <bottom style="hair">
        <color indexed="64"/>
      </bottom>
      <diagonal/>
    </border>
    <border>
      <left style="hair">
        <color indexed="64"/>
      </left>
      <right/>
      <top/>
      <bottom style="hair">
        <color indexed="64"/>
      </bottom>
      <diagonal/>
    </border>
    <border>
      <left/>
      <right style="hair">
        <color indexed="64"/>
      </right>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thin">
        <color indexed="64"/>
      </left>
      <right style="hair">
        <color indexed="64"/>
      </right>
      <top/>
      <bottom style="hair">
        <color indexed="64"/>
      </bottom>
      <diagonal/>
    </border>
    <border>
      <left/>
      <right/>
      <top style="thin">
        <color indexed="64"/>
      </top>
      <bottom/>
      <diagonal/>
    </border>
    <border>
      <left style="hair">
        <color indexed="64"/>
      </left>
      <right/>
      <top style="thin">
        <color indexed="64"/>
      </top>
      <bottom style="hair">
        <color indexed="64"/>
      </bottom>
      <diagonal/>
    </border>
    <border>
      <left style="hair">
        <color indexed="64"/>
      </left>
      <right/>
      <top style="hair">
        <color indexed="64"/>
      </top>
      <bottom style="thin">
        <color indexed="64"/>
      </bottom>
      <diagonal/>
    </border>
    <border>
      <left/>
      <right style="hair">
        <color indexed="64"/>
      </right>
      <top/>
      <bottom style="thin">
        <color indexed="64"/>
      </bottom>
      <diagonal/>
    </border>
    <border>
      <left/>
      <right style="hair">
        <color indexed="64"/>
      </right>
      <top style="hair">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hair">
        <color indexed="64"/>
      </left>
      <right style="thin">
        <color indexed="64"/>
      </right>
      <top/>
      <bottom style="thin">
        <color indexed="64"/>
      </bottom>
      <diagonal/>
    </border>
    <border>
      <left style="hair">
        <color indexed="64"/>
      </left>
      <right style="thin">
        <color indexed="64"/>
      </right>
      <top/>
      <bottom/>
      <diagonal/>
    </border>
    <border>
      <left style="thin">
        <color indexed="64"/>
      </left>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hair">
        <color indexed="64"/>
      </left>
      <right style="thin">
        <color indexed="64"/>
      </right>
      <top style="thin">
        <color indexed="64"/>
      </top>
      <bottom/>
      <diagonal/>
    </border>
    <border>
      <left style="hair">
        <color indexed="64"/>
      </left>
      <right style="thin">
        <color indexed="64"/>
      </right>
      <top style="hair">
        <color indexed="64"/>
      </top>
      <bottom style="hair">
        <color indexed="64"/>
      </bottom>
      <diagonal/>
    </border>
    <border>
      <left style="hair">
        <color indexed="64"/>
      </left>
      <right style="thin">
        <color indexed="64"/>
      </right>
      <top style="thin">
        <color indexed="64"/>
      </top>
      <bottom style="thin">
        <color indexed="64"/>
      </bottom>
      <diagonal/>
    </border>
    <border>
      <left style="hair">
        <color indexed="64"/>
      </left>
      <right style="thin">
        <color indexed="64"/>
      </right>
      <top style="thin">
        <color indexed="64"/>
      </top>
      <bottom style="hair">
        <color indexed="64"/>
      </bottom>
      <diagonal/>
    </border>
    <border>
      <left/>
      <right style="hair">
        <color indexed="64"/>
      </right>
      <top style="thin">
        <color indexed="64"/>
      </top>
      <bottom style="hair">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hair">
        <color indexed="64"/>
      </left>
      <right style="hair">
        <color indexed="64"/>
      </right>
      <top style="thin">
        <color indexed="64"/>
      </top>
      <bottom style="hair">
        <color indexed="64"/>
      </bottom>
      <diagonal/>
    </border>
    <border>
      <left style="thin">
        <color indexed="64"/>
      </left>
      <right/>
      <top style="hair">
        <color indexed="64"/>
      </top>
      <bottom style="hair">
        <color indexed="64"/>
      </bottom>
      <diagonal/>
    </border>
    <border>
      <left/>
      <right style="thin">
        <color indexed="64"/>
      </right>
      <top style="hair">
        <color indexed="64"/>
      </top>
      <bottom style="hair">
        <color indexed="64"/>
      </bottom>
      <diagonal/>
    </border>
    <border>
      <left/>
      <right style="thin">
        <color indexed="64"/>
      </right>
      <top style="hair">
        <color indexed="64"/>
      </top>
      <bottom style="thin">
        <color indexed="64"/>
      </bottom>
      <diagonal/>
    </border>
    <border>
      <left style="thin">
        <color indexed="64"/>
      </left>
      <right style="hair">
        <color indexed="64"/>
      </right>
      <top style="thin">
        <color indexed="64"/>
      </top>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thin">
        <color indexed="64"/>
      </left>
      <right/>
      <top/>
      <bottom style="hair">
        <color indexed="64"/>
      </bottom>
      <diagonal/>
    </border>
    <border>
      <left/>
      <right style="thin">
        <color indexed="64"/>
      </right>
      <top/>
      <bottom style="hair">
        <color indexed="64"/>
      </bottom>
      <diagonal/>
    </border>
    <border>
      <left/>
      <right/>
      <top style="hair">
        <color indexed="64"/>
      </top>
      <bottom style="hair">
        <color indexed="64"/>
      </bottom>
      <diagonal/>
    </border>
    <border>
      <left/>
      <right/>
      <top style="hair">
        <color indexed="64"/>
      </top>
      <bottom/>
      <diagonal/>
    </border>
    <border>
      <left style="hair">
        <color indexed="64"/>
      </left>
      <right/>
      <top style="thin">
        <color indexed="64"/>
      </top>
      <bottom/>
      <diagonal/>
    </border>
    <border>
      <left style="hair">
        <color indexed="64"/>
      </left>
      <right style="thin">
        <color indexed="64"/>
      </right>
      <top style="hair">
        <color indexed="64"/>
      </top>
      <bottom/>
      <diagonal/>
    </border>
    <border>
      <left style="thin">
        <color indexed="64"/>
      </left>
      <right style="hair">
        <color indexed="64"/>
      </right>
      <top style="hair">
        <color indexed="64"/>
      </top>
      <bottom/>
      <diagonal/>
    </border>
    <border>
      <left/>
      <right/>
      <top/>
      <bottom style="hair">
        <color indexed="64"/>
      </bottom>
      <diagonal/>
    </border>
    <border>
      <left style="hair">
        <color indexed="64"/>
      </left>
      <right/>
      <top style="hair">
        <color indexed="64"/>
      </top>
      <bottom/>
      <diagonal/>
    </border>
    <border>
      <left style="hair">
        <color indexed="64"/>
      </left>
      <right/>
      <top/>
      <bottom/>
      <diagonal/>
    </border>
    <border>
      <left/>
      <right style="thin">
        <color indexed="64"/>
      </right>
      <top style="hair">
        <color indexed="64"/>
      </top>
      <bottom/>
      <diagonal/>
    </border>
    <border>
      <left style="thin">
        <color indexed="64"/>
      </left>
      <right style="thin">
        <color indexed="64"/>
      </right>
      <top style="hair">
        <color indexed="64"/>
      </top>
      <bottom/>
      <diagonal/>
    </border>
    <border>
      <left/>
      <right style="hair">
        <color indexed="64"/>
      </right>
      <top style="hair">
        <color indexed="64"/>
      </top>
      <bottom/>
      <diagonal/>
    </border>
    <border diagonalDown="1">
      <left style="hair">
        <color indexed="64"/>
      </left>
      <right style="hair">
        <color indexed="64"/>
      </right>
      <top style="hair">
        <color indexed="64"/>
      </top>
      <bottom style="hair">
        <color indexed="64"/>
      </bottom>
      <diagonal style="hair">
        <color indexed="64"/>
      </diagonal>
    </border>
    <border>
      <left/>
      <right style="hair">
        <color indexed="64"/>
      </right>
      <top/>
      <bottom/>
      <diagonal/>
    </border>
    <border>
      <left/>
      <right/>
      <top style="hair">
        <color indexed="64"/>
      </top>
      <bottom style="thin">
        <color indexed="64"/>
      </bottom>
      <diagonal/>
    </border>
    <border>
      <left style="hair">
        <color indexed="64"/>
      </left>
      <right/>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diagonal/>
    </border>
    <border>
      <left style="hair">
        <color indexed="64"/>
      </left>
      <right style="hair">
        <color indexed="64"/>
      </right>
      <top style="thin">
        <color indexed="64"/>
      </top>
      <bottom/>
      <diagonal/>
    </border>
    <border>
      <left/>
      <right style="hair">
        <color indexed="64"/>
      </right>
      <top style="thin">
        <color indexed="64"/>
      </top>
      <bottom/>
      <diagonal/>
    </border>
    <border>
      <left/>
      <right style="thin">
        <color indexed="64"/>
      </right>
      <top style="thin">
        <color indexed="64"/>
      </top>
      <bottom style="hair">
        <color indexed="64"/>
      </bottom>
      <diagonal/>
    </border>
  </borders>
  <cellStyleXfs count="2">
    <xf numFmtId="0" fontId="0" fillId="0" borderId="0">
      <alignment vertical="center"/>
    </xf>
    <xf numFmtId="0" fontId="10" fillId="0" borderId="0" applyNumberFormat="0" applyFill="0" applyBorder="0" applyAlignment="0" applyProtection="0">
      <alignment vertical="center"/>
    </xf>
  </cellStyleXfs>
  <cellXfs count="454">
    <xf numFmtId="0" fontId="0" fillId="0" borderId="0" xfId="0">
      <alignment vertical="center"/>
    </xf>
    <xf numFmtId="0" fontId="4" fillId="2" borderId="1" xfId="0" applyFont="1" applyFill="1" applyBorder="1" applyAlignment="1">
      <alignment vertical="center" wrapText="1"/>
    </xf>
    <xf numFmtId="0" fontId="4" fillId="2" borderId="0" xfId="0" applyFont="1" applyFill="1">
      <alignment vertical="center"/>
    </xf>
    <xf numFmtId="0" fontId="4" fillId="2" borderId="0" xfId="0" applyFont="1" applyFill="1" applyAlignment="1">
      <alignment vertical="center" wrapText="1"/>
    </xf>
    <xf numFmtId="0" fontId="4" fillId="2" borderId="2" xfId="0" applyFont="1" applyFill="1" applyBorder="1" applyAlignment="1">
      <alignment vertical="center" wrapText="1"/>
    </xf>
    <xf numFmtId="0" fontId="4" fillId="2" borderId="3" xfId="0" applyFont="1" applyFill="1" applyBorder="1" applyAlignment="1">
      <alignment vertical="center" wrapText="1"/>
    </xf>
    <xf numFmtId="0" fontId="4" fillId="2" borderId="4" xfId="0" applyFont="1" applyFill="1" applyBorder="1" applyAlignment="1">
      <alignment vertical="center" wrapText="1"/>
    </xf>
    <xf numFmtId="0" fontId="2" fillId="2" borderId="0" xfId="0" applyFont="1" applyFill="1">
      <alignment vertical="center"/>
    </xf>
    <xf numFmtId="0" fontId="2" fillId="2" borderId="19" xfId="0" applyFont="1" applyFill="1" applyBorder="1">
      <alignment vertical="center"/>
    </xf>
    <xf numFmtId="0" fontId="2" fillId="2" borderId="22" xfId="0" applyFont="1" applyFill="1" applyBorder="1">
      <alignment vertical="center"/>
    </xf>
    <xf numFmtId="0" fontId="5" fillId="2" borderId="43" xfId="0" applyFont="1" applyFill="1" applyBorder="1" applyAlignment="1">
      <alignment horizontal="left" vertical="center"/>
    </xf>
    <xf numFmtId="0" fontId="4" fillId="2" borderId="30" xfId="0" applyFont="1" applyFill="1" applyBorder="1">
      <alignment vertical="center"/>
    </xf>
    <xf numFmtId="0" fontId="4" fillId="2" borderId="32" xfId="0" applyFont="1" applyFill="1" applyBorder="1">
      <alignment vertical="center"/>
    </xf>
    <xf numFmtId="0" fontId="4" fillId="2" borderId="31" xfId="0" applyFont="1" applyFill="1" applyBorder="1">
      <alignment vertical="center"/>
    </xf>
    <xf numFmtId="0" fontId="4" fillId="2" borderId="42" xfId="0" applyFont="1" applyFill="1" applyBorder="1">
      <alignment vertical="center"/>
    </xf>
    <xf numFmtId="0" fontId="2" fillId="2" borderId="0" xfId="0" applyFont="1" applyFill="1" applyAlignment="1">
      <alignment vertical="center" wrapText="1"/>
    </xf>
    <xf numFmtId="0" fontId="2" fillId="2" borderId="0" xfId="0" applyFont="1" applyFill="1" applyAlignment="1">
      <alignment horizontal="center" vertical="center" wrapText="1"/>
    </xf>
    <xf numFmtId="0" fontId="2" fillId="2" borderId="35" xfId="0" applyFont="1" applyFill="1" applyBorder="1" applyAlignment="1">
      <alignment horizontal="center" vertical="center" wrapText="1"/>
    </xf>
    <xf numFmtId="0" fontId="2" fillId="2" borderId="36" xfId="0" applyFont="1" applyFill="1" applyBorder="1" applyAlignment="1">
      <alignment horizontal="center" vertical="center" wrapText="1"/>
    </xf>
    <xf numFmtId="0" fontId="2" fillId="2" borderId="0" xfId="0" applyFont="1" applyFill="1" applyAlignment="1">
      <alignment horizontal="center" vertical="center"/>
    </xf>
    <xf numFmtId="0" fontId="2" fillId="2" borderId="44" xfId="0" applyFont="1" applyFill="1" applyBorder="1" applyAlignment="1">
      <alignment horizontal="center" vertical="center" wrapText="1"/>
    </xf>
    <xf numFmtId="0" fontId="2" fillId="2" borderId="45" xfId="0" applyFont="1" applyFill="1" applyBorder="1" applyAlignment="1">
      <alignment horizontal="center" vertical="center" wrapText="1"/>
    </xf>
    <xf numFmtId="0" fontId="2" fillId="2" borderId="43" xfId="0" applyFont="1" applyFill="1" applyBorder="1" applyAlignment="1">
      <alignment horizontal="center" vertical="center" wrapText="1"/>
    </xf>
    <xf numFmtId="0" fontId="2" fillId="2" borderId="29" xfId="0" applyFont="1" applyFill="1" applyBorder="1" applyAlignment="1">
      <alignment horizontal="center" vertical="center" wrapText="1"/>
    </xf>
    <xf numFmtId="0" fontId="2" fillId="2" borderId="28" xfId="0" applyFont="1" applyFill="1" applyBorder="1" applyAlignment="1">
      <alignment horizontal="center" vertical="center" wrapText="1"/>
    </xf>
    <xf numFmtId="0" fontId="2" fillId="2" borderId="23" xfId="0" applyFont="1" applyFill="1" applyBorder="1">
      <alignment vertical="center"/>
    </xf>
    <xf numFmtId="0" fontId="2" fillId="2" borderId="14" xfId="0" applyFont="1" applyFill="1" applyBorder="1">
      <alignment vertical="center"/>
    </xf>
    <xf numFmtId="0" fontId="2" fillId="2" borderId="24" xfId="0" applyFont="1" applyFill="1" applyBorder="1">
      <alignment vertical="center"/>
    </xf>
    <xf numFmtId="0" fontId="2" fillId="2" borderId="28" xfId="0" applyFont="1" applyFill="1" applyBorder="1">
      <alignment vertical="center"/>
    </xf>
    <xf numFmtId="0" fontId="2" fillId="2" borderId="29" xfId="0" applyFont="1" applyFill="1" applyBorder="1">
      <alignment vertical="center"/>
    </xf>
    <xf numFmtId="0" fontId="2" fillId="2" borderId="25" xfId="0" applyFont="1" applyFill="1" applyBorder="1">
      <alignment vertical="center"/>
    </xf>
    <xf numFmtId="0" fontId="2" fillId="2" borderId="26" xfId="0" applyFont="1" applyFill="1" applyBorder="1">
      <alignment vertical="center"/>
    </xf>
    <xf numFmtId="0" fontId="2" fillId="2" borderId="27" xfId="0" applyFont="1" applyFill="1" applyBorder="1">
      <alignment vertical="center"/>
    </xf>
    <xf numFmtId="0" fontId="2" fillId="2" borderId="44" xfId="0" applyFont="1" applyFill="1" applyBorder="1">
      <alignment vertical="center"/>
    </xf>
    <xf numFmtId="0" fontId="2" fillId="2" borderId="45" xfId="0" applyFont="1" applyFill="1" applyBorder="1">
      <alignment vertical="center"/>
    </xf>
    <xf numFmtId="0" fontId="2" fillId="2" borderId="43" xfId="0" applyFont="1" applyFill="1" applyBorder="1">
      <alignment vertical="center"/>
    </xf>
    <xf numFmtId="0" fontId="4" fillId="2" borderId="42" xfId="0" applyFont="1" applyFill="1" applyBorder="1" applyAlignment="1">
      <alignment horizontal="center" vertical="center" wrapText="1"/>
    </xf>
    <xf numFmtId="0" fontId="4" fillId="2" borderId="32" xfId="0" applyFont="1" applyFill="1" applyBorder="1" applyAlignment="1">
      <alignment horizontal="center" vertical="center" wrapText="1"/>
    </xf>
    <xf numFmtId="0" fontId="4" fillId="2" borderId="31" xfId="0" applyFont="1" applyFill="1" applyBorder="1" applyAlignment="1">
      <alignment horizontal="center" vertical="center" wrapText="1"/>
    </xf>
    <xf numFmtId="0" fontId="3" fillId="2" borderId="0" xfId="0" applyFont="1" applyFill="1">
      <alignment vertical="center"/>
    </xf>
    <xf numFmtId="0" fontId="3" fillId="2" borderId="28" xfId="0" applyFont="1" applyFill="1" applyBorder="1" applyAlignment="1">
      <alignment horizontal="left" vertical="center"/>
    </xf>
    <xf numFmtId="0" fontId="3" fillId="2" borderId="0" xfId="0" applyFont="1" applyFill="1" applyAlignment="1">
      <alignment horizontal="center" vertical="center" wrapText="1"/>
    </xf>
    <xf numFmtId="0" fontId="3" fillId="2" borderId="28" xfId="0" applyFont="1" applyFill="1" applyBorder="1" applyAlignment="1">
      <alignment horizontal="center" vertical="center" wrapText="1"/>
    </xf>
    <xf numFmtId="0" fontId="3" fillId="2" borderId="0" xfId="0" applyFont="1" applyFill="1" applyAlignment="1">
      <alignment horizontal="left" vertical="center"/>
    </xf>
    <xf numFmtId="0" fontId="3" fillId="2" borderId="25" xfId="0" applyFont="1" applyFill="1" applyBorder="1" applyAlignment="1">
      <alignment horizontal="center" vertical="center" wrapText="1"/>
    </xf>
    <xf numFmtId="0" fontId="3" fillId="2" borderId="26" xfId="0" applyFont="1" applyFill="1" applyBorder="1" applyAlignment="1">
      <alignment horizontal="center" vertical="center" wrapText="1"/>
    </xf>
    <xf numFmtId="0" fontId="3" fillId="2" borderId="23" xfId="0" applyFont="1" applyFill="1" applyBorder="1">
      <alignment vertical="center"/>
    </xf>
    <xf numFmtId="0" fontId="3" fillId="2" borderId="14" xfId="0" applyFont="1" applyFill="1" applyBorder="1">
      <alignment vertical="center"/>
    </xf>
    <xf numFmtId="0" fontId="3" fillId="2" borderId="28" xfId="0" applyFont="1" applyFill="1" applyBorder="1">
      <alignment vertical="center"/>
    </xf>
    <xf numFmtId="0" fontId="3" fillId="2" borderId="17" xfId="0" applyFont="1" applyFill="1" applyBorder="1" applyAlignment="1">
      <alignment vertical="center" wrapText="1"/>
    </xf>
    <xf numFmtId="0" fontId="3" fillId="2" borderId="13" xfId="0" applyFont="1" applyFill="1" applyBorder="1">
      <alignment vertical="center"/>
    </xf>
    <xf numFmtId="0" fontId="3" fillId="2" borderId="5" xfId="0" applyFont="1" applyFill="1" applyBorder="1">
      <alignment vertical="center"/>
    </xf>
    <xf numFmtId="176" fontId="3" fillId="2" borderId="21" xfId="0" applyNumberFormat="1" applyFont="1" applyFill="1" applyBorder="1">
      <alignment vertical="center"/>
    </xf>
    <xf numFmtId="0" fontId="3" fillId="2" borderId="10" xfId="0" applyFont="1" applyFill="1" applyBorder="1">
      <alignment vertical="center"/>
    </xf>
    <xf numFmtId="0" fontId="3" fillId="2" borderId="7" xfId="0" applyFont="1" applyFill="1" applyBorder="1">
      <alignment vertical="center"/>
    </xf>
    <xf numFmtId="176" fontId="3" fillId="2" borderId="22" xfId="0" applyNumberFormat="1" applyFont="1" applyFill="1" applyBorder="1">
      <alignment vertical="center"/>
    </xf>
    <xf numFmtId="176" fontId="3" fillId="2" borderId="20" xfId="0" applyNumberFormat="1" applyFont="1" applyFill="1" applyBorder="1">
      <alignment vertical="center"/>
    </xf>
    <xf numFmtId="56" fontId="3" fillId="2" borderId="28" xfId="0" applyNumberFormat="1" applyFont="1" applyFill="1" applyBorder="1">
      <alignment vertical="center"/>
    </xf>
    <xf numFmtId="0" fontId="3" fillId="2" borderId="25" xfId="0" applyFont="1" applyFill="1" applyBorder="1">
      <alignment vertical="center"/>
    </xf>
    <xf numFmtId="0" fontId="3" fillId="2" borderId="26" xfId="0" applyFont="1" applyFill="1" applyBorder="1">
      <alignment vertical="center"/>
    </xf>
    <xf numFmtId="0" fontId="8" fillId="2" borderId="43" xfId="0" applyFont="1" applyFill="1" applyBorder="1">
      <alignment vertical="center"/>
    </xf>
    <xf numFmtId="0" fontId="3" fillId="2" borderId="44" xfId="0" applyFont="1" applyFill="1" applyBorder="1">
      <alignment vertical="center"/>
    </xf>
    <xf numFmtId="0" fontId="3" fillId="2" borderId="0" xfId="0" applyFont="1" applyFill="1" applyAlignment="1">
      <alignment vertical="center" wrapText="1"/>
    </xf>
    <xf numFmtId="177" fontId="3" fillId="2" borderId="0" xfId="0" applyNumberFormat="1" applyFont="1" applyFill="1">
      <alignment vertical="center"/>
    </xf>
    <xf numFmtId="0" fontId="9" fillId="2" borderId="0" xfId="0" applyFont="1" applyFill="1" applyAlignment="1">
      <alignment horizontal="center" vertical="center"/>
    </xf>
    <xf numFmtId="0" fontId="9" fillId="2" borderId="44" xfId="0" applyFont="1" applyFill="1" applyBorder="1" applyAlignment="1">
      <alignment horizontal="center" vertical="center" wrapText="1"/>
    </xf>
    <xf numFmtId="0" fontId="9" fillId="2" borderId="39" xfId="0" applyFont="1" applyFill="1" applyBorder="1" applyAlignment="1">
      <alignment horizontal="center" vertical="center" wrapText="1"/>
    </xf>
    <xf numFmtId="0" fontId="9" fillId="2" borderId="0" xfId="0" applyFont="1" applyFill="1" applyAlignment="1">
      <alignment horizontal="center" vertical="center" wrapText="1"/>
    </xf>
    <xf numFmtId="0" fontId="9" fillId="2" borderId="34" xfId="0" applyFont="1" applyFill="1" applyBorder="1" applyAlignment="1">
      <alignment horizontal="center" vertical="center" wrapText="1"/>
    </xf>
    <xf numFmtId="0" fontId="9" fillId="2" borderId="34" xfId="0" applyFont="1" applyFill="1" applyBorder="1" applyAlignment="1">
      <alignment horizontal="center" vertical="center"/>
    </xf>
    <xf numFmtId="0" fontId="9" fillId="2" borderId="26" xfId="0" applyFont="1" applyFill="1" applyBorder="1" applyAlignment="1">
      <alignment horizontal="center" vertical="center" wrapText="1"/>
    </xf>
    <xf numFmtId="0" fontId="9" fillId="2" borderId="33" xfId="0" applyFont="1" applyFill="1" applyBorder="1" applyAlignment="1">
      <alignment horizontal="center" vertical="center" wrapText="1"/>
    </xf>
    <xf numFmtId="0" fontId="9" fillId="2" borderId="14" xfId="0" applyFont="1" applyFill="1" applyBorder="1" applyAlignment="1">
      <alignment horizontal="center" vertical="center"/>
    </xf>
    <xf numFmtId="0" fontId="9" fillId="2" borderId="37" xfId="0" applyFont="1" applyFill="1" applyBorder="1" applyAlignment="1">
      <alignment horizontal="center" vertical="center"/>
    </xf>
    <xf numFmtId="0" fontId="9" fillId="2" borderId="26" xfId="0" applyFont="1" applyFill="1" applyBorder="1" applyAlignment="1">
      <alignment horizontal="center" vertical="center"/>
    </xf>
    <xf numFmtId="0" fontId="9" fillId="2" borderId="33" xfId="0" applyFont="1" applyFill="1" applyBorder="1" applyAlignment="1">
      <alignment horizontal="center" vertical="center"/>
    </xf>
    <xf numFmtId="0" fontId="9" fillId="2" borderId="44" xfId="0" applyFont="1" applyFill="1" applyBorder="1" applyAlignment="1">
      <alignment horizontal="center" vertical="center"/>
    </xf>
    <xf numFmtId="0" fontId="9" fillId="2" borderId="39" xfId="0" applyFont="1" applyFill="1" applyBorder="1" applyAlignment="1">
      <alignment horizontal="center" vertical="center"/>
    </xf>
    <xf numFmtId="0" fontId="9" fillId="2" borderId="50" xfId="0" applyFont="1" applyFill="1" applyBorder="1" applyAlignment="1">
      <alignment horizontal="center" vertical="center"/>
    </xf>
    <xf numFmtId="0" fontId="9" fillId="2" borderId="51" xfId="0" applyFont="1" applyFill="1" applyBorder="1" applyAlignment="1">
      <alignment horizontal="center" vertical="center"/>
    </xf>
    <xf numFmtId="0" fontId="9" fillId="2" borderId="52" xfId="0" applyFont="1" applyFill="1" applyBorder="1" applyAlignment="1">
      <alignment horizontal="center" vertical="center"/>
    </xf>
    <xf numFmtId="0" fontId="3" fillId="2" borderId="12" xfId="0" applyFont="1" applyFill="1" applyBorder="1" applyAlignment="1">
      <alignment horizontal="center" vertical="center" wrapText="1"/>
    </xf>
    <xf numFmtId="0" fontId="3" fillId="2" borderId="16" xfId="0" applyFont="1" applyFill="1" applyBorder="1" applyAlignment="1">
      <alignment horizontal="center" vertical="center" wrapText="1"/>
    </xf>
    <xf numFmtId="0" fontId="2" fillId="2" borderId="25" xfId="0" applyFont="1" applyFill="1" applyBorder="1" applyAlignment="1">
      <alignment horizontal="center" vertical="center" wrapText="1"/>
    </xf>
    <xf numFmtId="0" fontId="2" fillId="2" borderId="26" xfId="0" applyFont="1" applyFill="1" applyBorder="1" applyAlignment="1">
      <alignment horizontal="center" vertical="center" wrapText="1"/>
    </xf>
    <xf numFmtId="0" fontId="2" fillId="2" borderId="27" xfId="0" applyFont="1" applyFill="1" applyBorder="1" applyAlignment="1">
      <alignment horizontal="center" vertical="center" wrapText="1"/>
    </xf>
    <xf numFmtId="0" fontId="9" fillId="2" borderId="0" xfId="0" applyFont="1" applyFill="1" applyAlignment="1" applyProtection="1">
      <alignment horizontal="center" vertical="center"/>
      <protection locked="0"/>
    </xf>
    <xf numFmtId="0" fontId="9" fillId="2" borderId="34" xfId="0" applyFont="1" applyFill="1" applyBorder="1" applyAlignment="1" applyProtection="1">
      <alignment horizontal="center" vertical="center"/>
      <protection locked="0"/>
    </xf>
    <xf numFmtId="0" fontId="9" fillId="2" borderId="51" xfId="0" applyFont="1" applyFill="1" applyBorder="1" applyAlignment="1" applyProtection="1">
      <alignment horizontal="center" vertical="center"/>
      <protection locked="0"/>
    </xf>
    <xf numFmtId="0" fontId="2" fillId="2" borderId="21" xfId="0" applyFont="1" applyFill="1" applyBorder="1">
      <alignment vertical="center"/>
    </xf>
    <xf numFmtId="0" fontId="4" fillId="2" borderId="9" xfId="0" applyFont="1" applyFill="1" applyBorder="1" applyAlignment="1">
      <alignment horizontal="center" vertical="center"/>
    </xf>
    <xf numFmtId="0" fontId="3" fillId="3" borderId="21" xfId="0" applyFont="1" applyFill="1" applyBorder="1" applyProtection="1">
      <alignment vertical="center"/>
      <protection locked="0"/>
    </xf>
    <xf numFmtId="0" fontId="3" fillId="3" borderId="6" xfId="0" applyFont="1" applyFill="1" applyBorder="1" applyProtection="1">
      <alignment vertical="center"/>
      <protection locked="0"/>
    </xf>
    <xf numFmtId="0" fontId="3" fillId="3" borderId="4" xfId="0" applyFont="1" applyFill="1" applyBorder="1" applyProtection="1">
      <alignment vertical="center"/>
      <protection locked="0"/>
    </xf>
    <xf numFmtId="0" fontId="3" fillId="3" borderId="5" xfId="0" applyFont="1" applyFill="1" applyBorder="1" applyProtection="1">
      <alignment vertical="center"/>
      <protection locked="0"/>
    </xf>
    <xf numFmtId="0" fontId="3" fillId="3" borderId="22" xfId="0" applyFont="1" applyFill="1" applyBorder="1" applyProtection="1">
      <alignment vertical="center"/>
      <protection locked="0"/>
    </xf>
    <xf numFmtId="0" fontId="3" fillId="3" borderId="8" xfId="0" applyFont="1" applyFill="1" applyBorder="1" applyProtection="1">
      <alignment vertical="center"/>
      <protection locked="0"/>
    </xf>
    <xf numFmtId="0" fontId="3" fillId="3" borderId="1" xfId="0" applyFont="1" applyFill="1" applyBorder="1" applyProtection="1">
      <alignment vertical="center"/>
      <protection locked="0"/>
    </xf>
    <xf numFmtId="0" fontId="3" fillId="3" borderId="7" xfId="0" applyFont="1" applyFill="1" applyBorder="1" applyProtection="1">
      <alignment vertical="center"/>
      <protection locked="0"/>
    </xf>
    <xf numFmtId="0" fontId="3" fillId="3" borderId="20" xfId="0" applyFont="1" applyFill="1" applyBorder="1" applyProtection="1">
      <alignment vertical="center"/>
      <protection locked="0"/>
    </xf>
    <xf numFmtId="0" fontId="3" fillId="3" borderId="18" xfId="0" applyFont="1" applyFill="1" applyBorder="1" applyProtection="1">
      <alignment vertical="center"/>
      <protection locked="0"/>
    </xf>
    <xf numFmtId="0" fontId="3" fillId="3" borderId="12" xfId="0" applyFont="1" applyFill="1" applyBorder="1" applyProtection="1">
      <alignment vertical="center"/>
      <protection locked="0"/>
    </xf>
    <xf numFmtId="0" fontId="3" fillId="3" borderId="16" xfId="0" applyFont="1" applyFill="1" applyBorder="1" applyProtection="1">
      <alignment vertical="center"/>
      <protection locked="0"/>
    </xf>
    <xf numFmtId="177" fontId="3" fillId="3" borderId="10" xfId="0" applyNumberFormat="1" applyFont="1" applyFill="1" applyBorder="1" applyAlignment="1" applyProtection="1">
      <alignment horizontal="left" vertical="center"/>
      <protection locked="0"/>
    </xf>
    <xf numFmtId="177" fontId="3" fillId="3" borderId="11" xfId="0" applyNumberFormat="1" applyFont="1" applyFill="1" applyBorder="1" applyAlignment="1" applyProtection="1">
      <alignment horizontal="left" vertical="center"/>
      <protection locked="0"/>
    </xf>
    <xf numFmtId="0" fontId="4" fillId="2" borderId="0" xfId="0" applyFont="1" applyFill="1" applyAlignment="1">
      <alignment horizontal="center" vertical="center"/>
    </xf>
    <xf numFmtId="0" fontId="4" fillId="2" borderId="0" xfId="0" applyFont="1" applyFill="1" applyAlignment="1">
      <alignment horizontal="left" vertical="center"/>
    </xf>
    <xf numFmtId="0" fontId="4" fillId="2" borderId="66" xfId="0" applyFont="1" applyFill="1" applyBorder="1" applyAlignment="1">
      <alignment horizontal="left" vertical="center" wrapText="1"/>
    </xf>
    <xf numFmtId="0" fontId="4" fillId="2" borderId="1" xfId="0" applyFont="1" applyFill="1" applyBorder="1" applyAlignment="1">
      <alignment horizontal="center" vertical="center" textRotation="255"/>
    </xf>
    <xf numFmtId="0" fontId="4" fillId="2" borderId="1" xfId="0" applyFont="1" applyFill="1" applyBorder="1" applyAlignment="1">
      <alignment horizontal="center" vertical="center" textRotation="255" wrapText="1"/>
    </xf>
    <xf numFmtId="0" fontId="4" fillId="2" borderId="2" xfId="0" applyFont="1" applyFill="1" applyBorder="1" applyAlignment="1">
      <alignment horizontal="center" vertical="center"/>
    </xf>
    <xf numFmtId="0" fontId="4" fillId="2" borderId="4" xfId="0" applyFont="1" applyFill="1" applyBorder="1" applyAlignment="1">
      <alignment horizontal="center" vertical="center"/>
    </xf>
    <xf numFmtId="0" fontId="4" fillId="2" borderId="1" xfId="0" applyFont="1" applyFill="1" applyBorder="1" applyAlignment="1">
      <alignment horizontal="center" vertical="center"/>
    </xf>
    <xf numFmtId="0" fontId="4" fillId="2" borderId="61" xfId="0" applyFont="1" applyFill="1" applyBorder="1" applyAlignment="1">
      <alignment horizontal="left" vertical="center"/>
    </xf>
    <xf numFmtId="0" fontId="4" fillId="2" borderId="56" xfId="0" applyFont="1" applyFill="1" applyBorder="1" applyAlignment="1">
      <alignment horizontal="center" vertical="center"/>
    </xf>
    <xf numFmtId="0" fontId="4" fillId="2" borderId="65" xfId="0" applyFont="1" applyFill="1" applyBorder="1" applyAlignment="1">
      <alignment horizontal="center" vertical="center"/>
    </xf>
    <xf numFmtId="0" fontId="4" fillId="2" borderId="67" xfId="0" applyFont="1" applyFill="1" applyBorder="1" applyAlignment="1">
      <alignment horizontal="center" vertical="center"/>
    </xf>
    <xf numFmtId="0" fontId="4" fillId="2" borderId="62" xfId="0" applyFont="1" applyFill="1" applyBorder="1" applyAlignment="1">
      <alignment horizontal="center" vertical="center"/>
    </xf>
    <xf numFmtId="0" fontId="4" fillId="2" borderId="60" xfId="0" applyFont="1" applyFill="1" applyBorder="1" applyAlignment="1">
      <alignment horizontal="center" vertical="center"/>
    </xf>
    <xf numFmtId="0" fontId="4" fillId="2" borderId="6" xfId="0" applyFont="1" applyFill="1" applyBorder="1" applyAlignment="1">
      <alignment horizontal="center" vertical="center"/>
    </xf>
    <xf numFmtId="0" fontId="4" fillId="2" borderId="56" xfId="0" applyFont="1" applyFill="1" applyBorder="1" applyAlignment="1">
      <alignment horizontal="left" vertical="center"/>
    </xf>
    <xf numFmtId="0" fontId="4" fillId="2" borderId="5" xfId="0" applyFont="1" applyFill="1" applyBorder="1" applyAlignment="1">
      <alignment horizontal="center" vertical="center"/>
    </xf>
    <xf numFmtId="0" fontId="4" fillId="0" borderId="4" xfId="0" applyFont="1" applyBorder="1" applyAlignment="1">
      <alignment vertical="center" wrapText="1"/>
    </xf>
    <xf numFmtId="0" fontId="4" fillId="0" borderId="1" xfId="0" applyFont="1" applyBorder="1" applyAlignment="1">
      <alignment vertical="center" wrapText="1"/>
    </xf>
    <xf numFmtId="0" fontId="9" fillId="2" borderId="26" xfId="0" applyFont="1" applyFill="1" applyBorder="1" applyAlignment="1" applyProtection="1">
      <alignment horizontal="center" vertical="center"/>
      <protection locked="0"/>
    </xf>
    <xf numFmtId="0" fontId="9" fillId="2" borderId="33" xfId="0" applyFont="1" applyFill="1" applyBorder="1" applyAlignment="1" applyProtection="1">
      <alignment horizontal="center" vertical="center"/>
      <protection locked="0"/>
    </xf>
    <xf numFmtId="0" fontId="4" fillId="4" borderId="0" xfId="0" applyFont="1" applyFill="1" applyAlignment="1">
      <alignment vertical="center" wrapText="1"/>
    </xf>
    <xf numFmtId="178" fontId="3" fillId="3" borderId="46" xfId="0" applyNumberFormat="1" applyFont="1" applyFill="1" applyBorder="1" applyProtection="1">
      <alignment vertical="center"/>
      <protection locked="0"/>
    </xf>
    <xf numFmtId="0" fontId="3" fillId="2" borderId="57" xfId="0" applyFont="1" applyFill="1" applyBorder="1">
      <alignment vertical="center"/>
    </xf>
    <xf numFmtId="0" fontId="3" fillId="2" borderId="24" xfId="0" applyFont="1" applyFill="1" applyBorder="1">
      <alignment vertical="center"/>
    </xf>
    <xf numFmtId="178" fontId="3" fillId="3" borderId="1" xfId="0" applyNumberFormat="1" applyFont="1" applyFill="1" applyBorder="1" applyProtection="1">
      <alignment vertical="center"/>
      <protection locked="0"/>
    </xf>
    <xf numFmtId="0" fontId="3" fillId="2" borderId="62" xfId="0" applyFont="1" applyFill="1" applyBorder="1">
      <alignment vertical="center"/>
    </xf>
    <xf numFmtId="0" fontId="3" fillId="2" borderId="29" xfId="0" applyFont="1" applyFill="1" applyBorder="1">
      <alignment vertical="center"/>
    </xf>
    <xf numFmtId="0" fontId="3" fillId="2" borderId="60" xfId="0" applyFont="1" applyFill="1" applyBorder="1">
      <alignment vertical="center"/>
    </xf>
    <xf numFmtId="0" fontId="3" fillId="2" borderId="54" xfId="0" applyFont="1" applyFill="1" applyBorder="1">
      <alignment vertical="center"/>
    </xf>
    <xf numFmtId="0" fontId="3" fillId="2" borderId="0" xfId="0" applyFont="1" applyFill="1" applyAlignment="1">
      <alignment vertical="top" wrapText="1"/>
    </xf>
    <xf numFmtId="0" fontId="3" fillId="2" borderId="0" xfId="0" applyFont="1" applyFill="1" applyAlignment="1">
      <alignment vertical="top"/>
    </xf>
    <xf numFmtId="0" fontId="4" fillId="5" borderId="0" xfId="0" applyFont="1" applyFill="1">
      <alignment vertical="center"/>
    </xf>
    <xf numFmtId="0" fontId="3" fillId="3" borderId="1" xfId="0" applyFont="1" applyFill="1" applyBorder="1" applyAlignment="1" applyProtection="1">
      <alignment horizontal="center" vertical="center"/>
      <protection locked="0"/>
    </xf>
    <xf numFmtId="0" fontId="3" fillId="3" borderId="38" xfId="0" applyFont="1" applyFill="1" applyBorder="1" applyAlignment="1" applyProtection="1">
      <alignment horizontal="center" vertical="center"/>
      <protection locked="0"/>
    </xf>
    <xf numFmtId="0" fontId="3" fillId="3" borderId="12" xfId="0" applyFont="1" applyFill="1" applyBorder="1" applyAlignment="1" applyProtection="1">
      <alignment horizontal="center" vertical="center"/>
      <protection locked="0"/>
    </xf>
    <xf numFmtId="0" fontId="3" fillId="3" borderId="36" xfId="0" applyFont="1" applyFill="1" applyBorder="1" applyAlignment="1" applyProtection="1">
      <alignment horizontal="center" vertical="center"/>
      <protection locked="0"/>
    </xf>
    <xf numFmtId="0" fontId="5" fillId="2" borderId="0" xfId="0" applyFont="1" applyFill="1" applyAlignment="1">
      <alignment horizontal="left" vertical="center"/>
    </xf>
    <xf numFmtId="0" fontId="3" fillId="2" borderId="0" xfId="0" applyFont="1" applyFill="1" applyAlignment="1">
      <alignment horizontal="center" vertical="center"/>
    </xf>
    <xf numFmtId="177" fontId="3" fillId="2" borderId="0" xfId="0" applyNumberFormat="1" applyFont="1" applyFill="1" applyAlignment="1">
      <alignment horizontal="center" vertical="center"/>
    </xf>
    <xf numFmtId="0" fontId="5" fillId="2" borderId="0" xfId="0" applyFont="1" applyFill="1" applyAlignment="1">
      <alignment horizontal="center" vertical="center"/>
    </xf>
    <xf numFmtId="0" fontId="8" fillId="2" borderId="0" xfId="0" applyFont="1" applyFill="1" applyAlignment="1">
      <alignment horizontal="left" vertical="center"/>
    </xf>
    <xf numFmtId="0" fontId="3" fillId="2" borderId="23" xfId="0" applyFont="1" applyFill="1" applyBorder="1" applyAlignment="1">
      <alignment horizontal="center" vertical="center"/>
    </xf>
    <xf numFmtId="0" fontId="3" fillId="2" borderId="50" xfId="0" applyFont="1" applyFill="1" applyBorder="1" applyAlignment="1">
      <alignment horizontal="center" vertical="center"/>
    </xf>
    <xf numFmtId="0" fontId="3" fillId="2" borderId="73" xfId="0" applyFont="1" applyFill="1" applyBorder="1" applyAlignment="1">
      <alignment horizontal="center" vertical="center"/>
    </xf>
    <xf numFmtId="177" fontId="3" fillId="2" borderId="57" xfId="0" applyNumberFormat="1" applyFont="1" applyFill="1" applyBorder="1" applyAlignment="1">
      <alignment horizontal="center" vertical="center"/>
    </xf>
    <xf numFmtId="0" fontId="3" fillId="2" borderId="30" xfId="0" applyFont="1" applyFill="1" applyBorder="1" applyAlignment="1">
      <alignment horizontal="center" vertical="center"/>
    </xf>
    <xf numFmtId="0" fontId="3" fillId="2" borderId="74" xfId="0" applyFont="1" applyFill="1" applyBorder="1" applyAlignment="1">
      <alignment horizontal="center" vertical="center"/>
    </xf>
    <xf numFmtId="177" fontId="3" fillId="2" borderId="37" xfId="0" applyNumberFormat="1" applyFont="1" applyFill="1" applyBorder="1" applyAlignment="1">
      <alignment horizontal="center" vertical="center"/>
    </xf>
    <xf numFmtId="0" fontId="3" fillId="2" borderId="70" xfId="0" applyFont="1" applyFill="1" applyBorder="1" applyAlignment="1">
      <alignment horizontal="center" vertical="center"/>
    </xf>
    <xf numFmtId="0" fontId="3" fillId="6" borderId="9" xfId="0" applyFont="1" applyFill="1" applyBorder="1" applyProtection="1">
      <alignment vertical="center"/>
      <protection locked="0"/>
    </xf>
    <xf numFmtId="0" fontId="3" fillId="6" borderId="46" xfId="0" applyFont="1" applyFill="1" applyBorder="1" applyAlignment="1" applyProtection="1">
      <alignment horizontal="center" vertical="center"/>
      <protection locked="0"/>
    </xf>
    <xf numFmtId="177" fontId="3" fillId="6" borderId="15" xfId="0" applyNumberFormat="1" applyFont="1" applyFill="1" applyBorder="1" applyAlignment="1" applyProtection="1">
      <alignment horizontal="center" vertical="center"/>
      <protection locked="0"/>
    </xf>
    <xf numFmtId="0" fontId="3" fillId="2" borderId="19" xfId="0" applyFont="1" applyFill="1" applyBorder="1" applyAlignment="1">
      <alignment horizontal="center" vertical="center"/>
    </xf>
    <xf numFmtId="0" fontId="3" fillId="6" borderId="41" xfId="0" applyFont="1" applyFill="1" applyBorder="1" applyProtection="1">
      <alignment vertical="center"/>
      <protection locked="0"/>
    </xf>
    <xf numFmtId="177" fontId="3" fillId="6" borderId="40" xfId="0" applyNumberFormat="1" applyFont="1" applyFill="1" applyBorder="1" applyAlignment="1" applyProtection="1">
      <alignment horizontal="center" vertical="center"/>
      <protection locked="0"/>
    </xf>
    <xf numFmtId="0" fontId="3" fillId="2" borderId="47" xfId="0" applyFont="1" applyFill="1" applyBorder="1" applyAlignment="1">
      <alignment horizontal="center" vertical="center"/>
    </xf>
    <xf numFmtId="0" fontId="3" fillId="6" borderId="10" xfId="0" applyFont="1" applyFill="1" applyBorder="1" applyProtection="1">
      <alignment vertical="center"/>
      <protection locked="0"/>
    </xf>
    <xf numFmtId="0" fontId="3" fillId="6" borderId="1" xfId="0" applyFont="1" applyFill="1" applyBorder="1" applyAlignment="1" applyProtection="1">
      <alignment horizontal="center" vertical="center"/>
      <protection locked="0"/>
    </xf>
    <xf numFmtId="177" fontId="3" fillId="6" borderId="7" xfId="0" applyNumberFormat="1" applyFont="1" applyFill="1" applyBorder="1" applyAlignment="1" applyProtection="1">
      <alignment horizontal="center" vertical="center"/>
      <protection locked="0"/>
    </xf>
    <xf numFmtId="0" fontId="3" fillId="2" borderId="22" xfId="0" applyFont="1" applyFill="1" applyBorder="1" applyAlignment="1">
      <alignment horizontal="center" vertical="center"/>
    </xf>
    <xf numFmtId="0" fontId="3" fillId="6" borderId="8" xfId="0" applyFont="1" applyFill="1" applyBorder="1" applyProtection="1">
      <alignment vertical="center"/>
      <protection locked="0"/>
    </xf>
    <xf numFmtId="177" fontId="3" fillId="6" borderId="38" xfId="0" applyNumberFormat="1" applyFont="1" applyFill="1" applyBorder="1" applyAlignment="1" applyProtection="1">
      <alignment horizontal="center" vertical="center"/>
      <protection locked="0"/>
    </xf>
    <xf numFmtId="0" fontId="3" fillId="2" borderId="35" xfId="0" applyFont="1" applyFill="1" applyBorder="1" applyAlignment="1">
      <alignment horizontal="center" vertical="center"/>
    </xf>
    <xf numFmtId="0" fontId="3" fillId="6" borderId="11" xfId="0" applyFont="1" applyFill="1" applyBorder="1" applyProtection="1">
      <alignment vertical="center"/>
      <protection locked="0"/>
    </xf>
    <xf numFmtId="0" fontId="3" fillId="6" borderId="12" xfId="0" applyFont="1" applyFill="1" applyBorder="1" applyAlignment="1" applyProtection="1">
      <alignment horizontal="center" vertical="center"/>
      <protection locked="0"/>
    </xf>
    <xf numFmtId="177" fontId="3" fillId="6" borderId="16" xfId="0" applyNumberFormat="1" applyFont="1" applyFill="1" applyBorder="1" applyAlignment="1" applyProtection="1">
      <alignment horizontal="center" vertical="center"/>
      <protection locked="0"/>
    </xf>
    <xf numFmtId="0" fontId="3" fillId="2" borderId="20" xfId="0" applyFont="1" applyFill="1" applyBorder="1" applyAlignment="1">
      <alignment horizontal="center" vertical="center"/>
    </xf>
    <xf numFmtId="0" fontId="3" fillId="6" borderId="18" xfId="0" applyFont="1" applyFill="1" applyBorder="1" applyProtection="1">
      <alignment vertical="center"/>
      <protection locked="0"/>
    </xf>
    <xf numFmtId="177" fontId="3" fillId="6" borderId="36" xfId="0" applyNumberFormat="1" applyFont="1" applyFill="1" applyBorder="1" applyAlignment="1" applyProtection="1">
      <alignment horizontal="center" vertical="center"/>
      <protection locked="0"/>
    </xf>
    <xf numFmtId="0" fontId="5" fillId="2" borderId="0" xfId="0" applyFont="1" applyFill="1">
      <alignment vertical="center"/>
    </xf>
    <xf numFmtId="0" fontId="8" fillId="0" borderId="0" xfId="0" applyFont="1" applyAlignment="1">
      <alignment horizontal="left" vertical="center"/>
    </xf>
    <xf numFmtId="0" fontId="3" fillId="2" borderId="59" xfId="0" applyFont="1" applyFill="1" applyBorder="1" applyAlignment="1">
      <alignment horizontal="center" vertical="center" wrapText="1"/>
    </xf>
    <xf numFmtId="0" fontId="3" fillId="2" borderId="58" xfId="0" applyFont="1" applyFill="1" applyBorder="1" applyAlignment="1">
      <alignment horizontal="center" vertical="center" wrapText="1"/>
    </xf>
    <xf numFmtId="0" fontId="3" fillId="2" borderId="65" xfId="0" applyFont="1" applyFill="1" applyBorder="1" applyAlignment="1">
      <alignment horizontal="center" vertical="center" wrapText="1"/>
    </xf>
    <xf numFmtId="0" fontId="3" fillId="2" borderId="61" xfId="0" applyFont="1" applyFill="1" applyBorder="1" applyAlignment="1">
      <alignment horizontal="center" vertical="center" wrapText="1"/>
    </xf>
    <xf numFmtId="0" fontId="3" fillId="2" borderId="9" xfId="0" applyFont="1" applyFill="1" applyBorder="1" applyAlignment="1">
      <alignment horizontal="right" vertical="center"/>
    </xf>
    <xf numFmtId="179" fontId="3" fillId="2" borderId="15" xfId="0" applyNumberFormat="1" applyFont="1" applyFill="1" applyBorder="1">
      <alignment vertical="center"/>
    </xf>
    <xf numFmtId="179" fontId="3" fillId="3" borderId="9" xfId="0" applyNumberFormat="1" applyFont="1" applyFill="1" applyBorder="1" applyProtection="1">
      <alignment vertical="center"/>
      <protection locked="0"/>
    </xf>
    <xf numFmtId="180" fontId="3" fillId="2" borderId="40" xfId="0" applyNumberFormat="1" applyFont="1" applyFill="1" applyBorder="1">
      <alignment vertical="center"/>
    </xf>
    <xf numFmtId="179" fontId="3" fillId="3" borderId="41" xfId="0" applyNumberFormat="1" applyFont="1" applyFill="1" applyBorder="1" applyProtection="1">
      <alignment vertical="center"/>
      <protection locked="0"/>
    </xf>
    <xf numFmtId="180" fontId="3" fillId="2" borderId="15" xfId="0" applyNumberFormat="1" applyFont="1" applyFill="1" applyBorder="1">
      <alignment vertical="center"/>
    </xf>
    <xf numFmtId="179" fontId="3" fillId="2" borderId="9" xfId="0" applyNumberFormat="1" applyFont="1" applyFill="1" applyBorder="1">
      <alignment vertical="center"/>
    </xf>
    <xf numFmtId="0" fontId="3" fillId="2" borderId="10" xfId="0" applyFont="1" applyFill="1" applyBorder="1" applyAlignment="1">
      <alignment horizontal="right" vertical="center"/>
    </xf>
    <xf numFmtId="179" fontId="3" fillId="2" borderId="7" xfId="0" applyNumberFormat="1" applyFont="1" applyFill="1" applyBorder="1">
      <alignment vertical="center"/>
    </xf>
    <xf numFmtId="179" fontId="3" fillId="3" borderId="10" xfId="0" applyNumberFormat="1" applyFont="1" applyFill="1" applyBorder="1" applyProtection="1">
      <alignment vertical="center"/>
      <protection locked="0"/>
    </xf>
    <xf numFmtId="180" fontId="3" fillId="2" borderId="38" xfId="0" applyNumberFormat="1" applyFont="1" applyFill="1" applyBorder="1">
      <alignment vertical="center"/>
    </xf>
    <xf numFmtId="179" fontId="3" fillId="3" borderId="8" xfId="0" applyNumberFormat="1" applyFont="1" applyFill="1" applyBorder="1" applyProtection="1">
      <alignment vertical="center"/>
      <protection locked="0"/>
    </xf>
    <xf numFmtId="180" fontId="3" fillId="2" borderId="7" xfId="0" applyNumberFormat="1" applyFont="1" applyFill="1" applyBorder="1">
      <alignment vertical="center"/>
    </xf>
    <xf numFmtId="179" fontId="3" fillId="2" borderId="10" xfId="0" applyNumberFormat="1" applyFont="1" applyFill="1" applyBorder="1">
      <alignment vertical="center"/>
    </xf>
    <xf numFmtId="0" fontId="3" fillId="2" borderId="11" xfId="0" applyFont="1" applyFill="1" applyBorder="1" applyAlignment="1">
      <alignment horizontal="right" vertical="center"/>
    </xf>
    <xf numFmtId="179" fontId="3" fillId="2" borderId="16" xfId="0" applyNumberFormat="1" applyFont="1" applyFill="1" applyBorder="1">
      <alignment vertical="center"/>
    </xf>
    <xf numFmtId="179" fontId="3" fillId="3" borderId="11" xfId="0" applyNumberFormat="1" applyFont="1" applyFill="1" applyBorder="1" applyProtection="1">
      <alignment vertical="center"/>
      <protection locked="0"/>
    </xf>
    <xf numFmtId="180" fontId="3" fillId="2" borderId="36" xfId="0" applyNumberFormat="1" applyFont="1" applyFill="1" applyBorder="1">
      <alignment vertical="center"/>
    </xf>
    <xf numFmtId="179" fontId="3" fillId="3" borderId="18" xfId="0" applyNumberFormat="1" applyFont="1" applyFill="1" applyBorder="1" applyProtection="1">
      <alignment vertical="center"/>
      <protection locked="0"/>
    </xf>
    <xf numFmtId="180" fontId="3" fillId="2" borderId="16" xfId="0" applyNumberFormat="1" applyFont="1" applyFill="1" applyBorder="1">
      <alignment vertical="center"/>
    </xf>
    <xf numFmtId="179" fontId="3" fillId="2" borderId="11" xfId="0" applyNumberFormat="1" applyFont="1" applyFill="1" applyBorder="1">
      <alignment vertical="center"/>
    </xf>
    <xf numFmtId="0" fontId="3" fillId="2" borderId="52" xfId="0" applyFont="1" applyFill="1" applyBorder="1" applyAlignment="1">
      <alignment horizontal="center" vertical="center"/>
    </xf>
    <xf numFmtId="179" fontId="3" fillId="2" borderId="69" xfId="0" applyNumberFormat="1" applyFont="1" applyFill="1" applyBorder="1">
      <alignment vertical="center"/>
    </xf>
    <xf numFmtId="179" fontId="3" fillId="2" borderId="52" xfId="0" applyNumberFormat="1" applyFont="1" applyFill="1" applyBorder="1">
      <alignment vertical="center"/>
    </xf>
    <xf numFmtId="180" fontId="3" fillId="2" borderId="33" xfId="0" applyNumberFormat="1" applyFont="1" applyFill="1" applyBorder="1">
      <alignment vertical="center"/>
    </xf>
    <xf numFmtId="179" fontId="3" fillId="2" borderId="17" xfId="0" applyNumberFormat="1" applyFont="1" applyFill="1" applyBorder="1">
      <alignment vertical="center"/>
    </xf>
    <xf numFmtId="180" fontId="3" fillId="2" borderId="69" xfId="0" applyNumberFormat="1" applyFont="1" applyFill="1" applyBorder="1">
      <alignment vertical="center"/>
    </xf>
    <xf numFmtId="177" fontId="5" fillId="2" borderId="0" xfId="0" applyNumberFormat="1" applyFont="1" applyFill="1">
      <alignment vertical="center"/>
    </xf>
    <xf numFmtId="0" fontId="11" fillId="2" borderId="0" xfId="0" applyFont="1" applyFill="1">
      <alignment vertical="center"/>
    </xf>
    <xf numFmtId="0" fontId="4" fillId="2" borderId="11" xfId="0" applyFont="1" applyFill="1" applyBorder="1" applyAlignment="1">
      <alignment horizontal="center" vertical="center" shrinkToFit="1"/>
    </xf>
    <xf numFmtId="0" fontId="4" fillId="2" borderId="12" xfId="0" applyFont="1" applyFill="1" applyBorder="1" applyAlignment="1">
      <alignment horizontal="center" vertical="center" shrinkToFit="1"/>
    </xf>
    <xf numFmtId="0" fontId="4" fillId="2" borderId="36" xfId="0" applyFont="1" applyFill="1" applyBorder="1" applyAlignment="1">
      <alignment horizontal="center" vertical="center" shrinkToFit="1"/>
    </xf>
    <xf numFmtId="0" fontId="4" fillId="2" borderId="18" xfId="0" applyFont="1" applyFill="1" applyBorder="1" applyAlignment="1">
      <alignment horizontal="center" vertical="center" shrinkToFit="1"/>
    </xf>
    <xf numFmtId="0" fontId="4" fillId="2" borderId="16" xfId="0" applyFont="1" applyFill="1" applyBorder="1" applyAlignment="1">
      <alignment horizontal="center" vertical="center" shrinkToFit="1"/>
    </xf>
    <xf numFmtId="177" fontId="3" fillId="3" borderId="47" xfId="0" applyNumberFormat="1" applyFont="1" applyFill="1" applyBorder="1" applyProtection="1">
      <alignment vertical="center"/>
      <protection locked="0"/>
    </xf>
    <xf numFmtId="0" fontId="3" fillId="3" borderId="10" xfId="0" applyFont="1" applyFill="1" applyBorder="1" applyAlignment="1" applyProtection="1">
      <alignment horizontal="center" vertical="center"/>
      <protection locked="0"/>
    </xf>
    <xf numFmtId="0" fontId="3" fillId="3" borderId="8" xfId="0" applyFont="1" applyFill="1" applyBorder="1" applyAlignment="1" applyProtection="1">
      <alignment horizontal="center" vertical="center"/>
      <protection locked="0"/>
    </xf>
    <xf numFmtId="0" fontId="3" fillId="3" borderId="7" xfId="0" applyFont="1" applyFill="1" applyBorder="1" applyAlignment="1" applyProtection="1">
      <alignment horizontal="center" vertical="center"/>
      <protection locked="0"/>
    </xf>
    <xf numFmtId="0" fontId="3" fillId="3" borderId="22" xfId="0" applyFont="1" applyFill="1" applyBorder="1" applyAlignment="1" applyProtection="1">
      <alignment horizontal="center" vertical="center"/>
      <protection locked="0"/>
    </xf>
    <xf numFmtId="0" fontId="3" fillId="3" borderId="48" xfId="0" applyFont="1" applyFill="1" applyBorder="1" applyAlignment="1" applyProtection="1">
      <alignment horizontal="center" vertical="center"/>
      <protection locked="0"/>
    </xf>
    <xf numFmtId="177" fontId="3" fillId="3" borderId="35" xfId="0" applyNumberFormat="1" applyFont="1" applyFill="1" applyBorder="1" applyProtection="1">
      <alignment vertical="center"/>
      <protection locked="0"/>
    </xf>
    <xf numFmtId="0" fontId="3" fillId="3" borderId="11" xfId="0" applyFont="1" applyFill="1" applyBorder="1" applyAlignment="1" applyProtection="1">
      <alignment horizontal="center" vertical="center"/>
      <protection locked="0"/>
    </xf>
    <xf numFmtId="0" fontId="3" fillId="3" borderId="18" xfId="0" applyFont="1" applyFill="1" applyBorder="1" applyAlignment="1" applyProtection="1">
      <alignment horizontal="center" vertical="center"/>
      <protection locked="0"/>
    </xf>
    <xf numFmtId="0" fontId="3" fillId="3" borderId="16" xfId="0" applyFont="1" applyFill="1" applyBorder="1" applyAlignment="1" applyProtection="1">
      <alignment horizontal="center" vertical="center"/>
      <protection locked="0"/>
    </xf>
    <xf numFmtId="0" fontId="3" fillId="3" borderId="20" xfId="0" applyFont="1" applyFill="1" applyBorder="1" applyAlignment="1" applyProtection="1">
      <alignment horizontal="center" vertical="center"/>
      <protection locked="0"/>
    </xf>
    <xf numFmtId="0" fontId="3" fillId="3" borderId="49" xfId="0" applyFont="1" applyFill="1" applyBorder="1" applyAlignment="1" applyProtection="1">
      <alignment horizontal="center" vertical="center"/>
      <protection locked="0"/>
    </xf>
    <xf numFmtId="177" fontId="3" fillId="3" borderId="70" xfId="0" applyNumberFormat="1" applyFont="1" applyFill="1" applyBorder="1" applyProtection="1">
      <alignment vertical="center"/>
      <protection locked="0"/>
    </xf>
    <xf numFmtId="0" fontId="3" fillId="3" borderId="9" xfId="0" applyFont="1" applyFill="1" applyBorder="1" applyAlignment="1" applyProtection="1">
      <alignment horizontal="center" vertical="center"/>
      <protection locked="0"/>
    </xf>
    <xf numFmtId="0" fontId="3" fillId="3" borderId="46" xfId="0" applyFont="1" applyFill="1" applyBorder="1" applyAlignment="1" applyProtection="1">
      <alignment horizontal="center" vertical="center"/>
      <protection locked="0"/>
    </xf>
    <xf numFmtId="0" fontId="3" fillId="3" borderId="40" xfId="0" applyFont="1" applyFill="1" applyBorder="1" applyAlignment="1" applyProtection="1">
      <alignment horizontal="center" vertical="center"/>
      <protection locked="0"/>
    </xf>
    <xf numFmtId="0" fontId="3" fillId="3" borderId="41" xfId="0" applyFont="1" applyFill="1" applyBorder="1" applyAlignment="1" applyProtection="1">
      <alignment horizontal="center" vertical="center"/>
      <protection locked="0"/>
    </xf>
    <xf numFmtId="0" fontId="3" fillId="3" borderId="15" xfId="0" applyFont="1" applyFill="1" applyBorder="1" applyAlignment="1" applyProtection="1">
      <alignment horizontal="center" vertical="center"/>
      <protection locked="0"/>
    </xf>
    <xf numFmtId="0" fontId="3" fillId="3" borderId="19" xfId="0" applyFont="1" applyFill="1" applyBorder="1" applyAlignment="1" applyProtection="1">
      <alignment horizontal="center" vertical="center"/>
      <protection locked="0"/>
    </xf>
    <xf numFmtId="0" fontId="3" fillId="3" borderId="75" xfId="0" applyFont="1" applyFill="1" applyBorder="1" applyAlignment="1" applyProtection="1">
      <alignment horizontal="center" vertical="center"/>
      <protection locked="0"/>
    </xf>
    <xf numFmtId="0" fontId="4" fillId="7" borderId="1" xfId="0" applyFont="1" applyFill="1" applyBorder="1" applyAlignment="1">
      <alignment vertical="center" wrapText="1"/>
    </xf>
    <xf numFmtId="0" fontId="4" fillId="7" borderId="0" xfId="0" applyFont="1" applyFill="1">
      <alignment vertical="center"/>
    </xf>
    <xf numFmtId="0" fontId="2" fillId="7" borderId="0" xfId="0" applyFont="1" applyFill="1" applyAlignment="1">
      <alignment horizontal="center" vertical="center"/>
    </xf>
    <xf numFmtId="0" fontId="4" fillId="7" borderId="2" xfId="0" applyFont="1" applyFill="1" applyBorder="1" applyAlignment="1">
      <alignment vertical="center" wrapText="1"/>
    </xf>
    <xf numFmtId="0" fontId="4" fillId="7" borderId="3" xfId="0" applyFont="1" applyFill="1" applyBorder="1" applyAlignment="1">
      <alignment vertical="center" wrapText="1"/>
    </xf>
    <xf numFmtId="0" fontId="4" fillId="7" borderId="4" xfId="0" applyFont="1" applyFill="1" applyBorder="1" applyAlignment="1">
      <alignment vertical="center" wrapText="1"/>
    </xf>
    <xf numFmtId="0" fontId="4" fillId="8" borderId="0" xfId="0" applyFont="1" applyFill="1">
      <alignment vertical="center"/>
    </xf>
    <xf numFmtId="0" fontId="4" fillId="9" borderId="0" xfId="0" applyFont="1" applyFill="1">
      <alignment vertical="center"/>
    </xf>
    <xf numFmtId="0" fontId="12" fillId="7" borderId="0" xfId="0" applyFont="1" applyFill="1" applyAlignment="1">
      <alignment vertical="top" wrapText="1"/>
    </xf>
    <xf numFmtId="0" fontId="4" fillId="10" borderId="0" xfId="0" applyFont="1" applyFill="1">
      <alignment vertical="center"/>
    </xf>
    <xf numFmtId="0" fontId="13" fillId="10" borderId="0" xfId="0" applyFont="1" applyFill="1" applyAlignment="1">
      <alignment vertical="top"/>
    </xf>
    <xf numFmtId="0" fontId="13" fillId="10" borderId="0" xfId="0" applyFont="1" applyFill="1" applyAlignment="1">
      <alignment vertical="top" wrapText="1"/>
    </xf>
    <xf numFmtId="0" fontId="13" fillId="8" borderId="0" xfId="0" applyFont="1" applyFill="1" applyAlignment="1">
      <alignment vertical="top"/>
    </xf>
    <xf numFmtId="0" fontId="14" fillId="9" borderId="0" xfId="0" applyFont="1" applyFill="1">
      <alignment vertical="center"/>
    </xf>
    <xf numFmtId="0" fontId="13" fillId="9" borderId="0" xfId="0" applyFont="1" applyFill="1">
      <alignment vertical="center"/>
    </xf>
    <xf numFmtId="0" fontId="13" fillId="0" borderId="0" xfId="0" applyFont="1" applyAlignment="1">
      <alignment vertical="top"/>
    </xf>
    <xf numFmtId="0" fontId="4" fillId="2" borderId="32" xfId="0" applyFont="1" applyFill="1" applyBorder="1" applyAlignment="1">
      <alignment vertical="center" wrapText="1"/>
    </xf>
    <xf numFmtId="0" fontId="3" fillId="2" borderId="44" xfId="0" applyFont="1" applyFill="1" applyBorder="1" applyAlignment="1">
      <alignment horizontal="center" vertical="center" wrapText="1"/>
    </xf>
    <xf numFmtId="0" fontId="13" fillId="8" borderId="0" xfId="0" applyFont="1" applyFill="1" applyAlignment="1">
      <alignment vertical="top" wrapText="1"/>
    </xf>
    <xf numFmtId="0" fontId="3" fillId="2" borderId="47" xfId="0" applyFont="1" applyFill="1" applyBorder="1" applyAlignment="1">
      <alignment horizontal="left" vertical="center"/>
    </xf>
    <xf numFmtId="0" fontId="3" fillId="2" borderId="55" xfId="0" applyFont="1" applyFill="1" applyBorder="1" applyAlignment="1">
      <alignment horizontal="left" vertical="center"/>
    </xf>
    <xf numFmtId="0" fontId="3" fillId="2" borderId="8" xfId="0" applyFont="1" applyFill="1" applyBorder="1" applyAlignment="1">
      <alignment horizontal="left" vertical="center"/>
    </xf>
    <xf numFmtId="0" fontId="15" fillId="2" borderId="0" xfId="0" applyFont="1" applyFill="1" applyAlignment="1" applyProtection="1">
      <alignment horizontal="center" vertical="center"/>
      <protection locked="0"/>
    </xf>
    <xf numFmtId="0" fontId="3" fillId="2" borderId="0" xfId="0" applyFont="1" applyFill="1" applyAlignment="1" applyProtection="1">
      <alignment vertical="top"/>
      <protection locked="0"/>
    </xf>
    <xf numFmtId="0" fontId="3" fillId="2" borderId="42" xfId="0" applyFont="1" applyFill="1" applyBorder="1" applyAlignment="1">
      <alignment horizontal="center" vertical="center"/>
    </xf>
    <xf numFmtId="0" fontId="4" fillId="2" borderId="73" xfId="0" applyFont="1" applyFill="1" applyBorder="1" applyAlignment="1">
      <alignment vertical="center" wrapText="1"/>
    </xf>
    <xf numFmtId="0" fontId="4" fillId="2" borderId="27" xfId="0" applyFont="1" applyFill="1" applyBorder="1">
      <alignment vertical="center"/>
    </xf>
    <xf numFmtId="0" fontId="3" fillId="3" borderId="31" xfId="0" applyFont="1" applyFill="1" applyBorder="1" applyProtection="1">
      <alignment vertical="center"/>
      <protection locked="0"/>
    </xf>
    <xf numFmtId="177" fontId="3" fillId="3" borderId="7" xfId="0" applyNumberFormat="1" applyFont="1" applyFill="1" applyBorder="1" applyAlignment="1" applyProtection="1">
      <alignment horizontal="center" vertical="center"/>
      <protection locked="0"/>
    </xf>
    <xf numFmtId="177" fontId="3" fillId="3" borderId="48" xfId="0" applyNumberFormat="1" applyFont="1" applyFill="1" applyBorder="1" applyAlignment="1" applyProtection="1">
      <alignment horizontal="center" vertical="center"/>
      <protection locked="0"/>
    </xf>
    <xf numFmtId="177" fontId="3" fillId="3" borderId="7" xfId="0" applyNumberFormat="1" applyFont="1" applyFill="1" applyBorder="1" applyAlignment="1" applyProtection="1">
      <alignment horizontal="left" vertical="center"/>
      <protection locked="0"/>
    </xf>
    <xf numFmtId="177" fontId="3" fillId="3" borderId="48" xfId="0" applyNumberFormat="1" applyFont="1" applyFill="1" applyBorder="1" applyAlignment="1" applyProtection="1">
      <alignment horizontal="left" vertical="center"/>
      <protection locked="0"/>
    </xf>
    <xf numFmtId="0" fontId="4" fillId="2" borderId="10" xfId="0" applyFont="1" applyFill="1" applyBorder="1">
      <alignment vertical="center"/>
    </xf>
    <xf numFmtId="177" fontId="3" fillId="0" borderId="0" xfId="0" applyNumberFormat="1" applyFont="1" applyAlignment="1" applyProtection="1">
      <alignment horizontal="left" vertical="center"/>
      <protection locked="0"/>
    </xf>
    <xf numFmtId="177" fontId="3" fillId="0" borderId="0" xfId="0" applyNumberFormat="1" applyFont="1" applyProtection="1">
      <alignment vertical="center"/>
      <protection locked="0"/>
    </xf>
    <xf numFmtId="0" fontId="3" fillId="0" borderId="0" xfId="0" applyFont="1">
      <alignment vertical="center"/>
    </xf>
    <xf numFmtId="0" fontId="3" fillId="0" borderId="0" xfId="0" applyFont="1" applyAlignment="1">
      <alignment horizontal="left" vertical="center"/>
    </xf>
    <xf numFmtId="0" fontId="2" fillId="0" borderId="0" xfId="0" applyFont="1">
      <alignment vertical="center"/>
    </xf>
    <xf numFmtId="0" fontId="4" fillId="0" borderId="0" xfId="0" applyFont="1">
      <alignment vertical="center"/>
    </xf>
    <xf numFmtId="0" fontId="9" fillId="0" borderId="0" xfId="0" applyFont="1" applyAlignment="1">
      <alignment horizontal="center" vertical="center"/>
    </xf>
    <xf numFmtId="178" fontId="3" fillId="0" borderId="0" xfId="0" applyNumberFormat="1" applyFont="1" applyProtection="1">
      <alignment vertical="center"/>
      <protection locked="0"/>
    </xf>
    <xf numFmtId="0" fontId="3" fillId="3" borderId="43" xfId="0" applyFont="1" applyFill="1" applyBorder="1" applyAlignment="1" applyProtection="1">
      <alignment horizontal="center" vertical="center"/>
      <protection locked="0"/>
    </xf>
    <xf numFmtId="0" fontId="3" fillId="3" borderId="44" xfId="0" applyFont="1" applyFill="1" applyBorder="1" applyAlignment="1" applyProtection="1">
      <alignment horizontal="center" vertical="center"/>
      <protection locked="0"/>
    </xf>
    <xf numFmtId="0" fontId="3" fillId="3" borderId="45" xfId="0" applyFont="1" applyFill="1" applyBorder="1" applyAlignment="1" applyProtection="1">
      <alignment horizontal="center" vertical="center"/>
      <protection locked="0"/>
    </xf>
    <xf numFmtId="177" fontId="3" fillId="3" borderId="16" xfId="0" applyNumberFormat="1" applyFont="1" applyFill="1" applyBorder="1" applyAlignment="1" applyProtection="1">
      <alignment horizontal="left" vertical="center"/>
      <protection locked="0"/>
    </xf>
    <xf numFmtId="177" fontId="3" fillId="3" borderId="49" xfId="0" applyNumberFormat="1" applyFont="1" applyFill="1" applyBorder="1" applyAlignment="1" applyProtection="1">
      <alignment horizontal="left" vertical="center"/>
      <protection locked="0"/>
    </xf>
    <xf numFmtId="0" fontId="3" fillId="0" borderId="0" xfId="0" applyFont="1" applyAlignment="1" applyProtection="1">
      <alignment horizontal="center" vertical="center"/>
      <protection locked="0"/>
    </xf>
    <xf numFmtId="0" fontId="3" fillId="0" borderId="0" xfId="0" applyFont="1" applyProtection="1">
      <alignment vertical="center"/>
      <protection locked="0"/>
    </xf>
    <xf numFmtId="0" fontId="4" fillId="0" borderId="2" xfId="0" applyFont="1" applyBorder="1" applyAlignment="1">
      <alignment vertical="center" wrapText="1"/>
    </xf>
    <xf numFmtId="0" fontId="2" fillId="0" borderId="0" xfId="0" applyFont="1" applyAlignment="1">
      <alignment horizontal="center" vertical="center"/>
    </xf>
    <xf numFmtId="0" fontId="4" fillId="0" borderId="3" xfId="0" applyFont="1" applyBorder="1" applyAlignment="1">
      <alignment vertical="center" wrapText="1"/>
    </xf>
    <xf numFmtId="0" fontId="4" fillId="2" borderId="15" xfId="0" applyFont="1" applyFill="1" applyBorder="1" applyAlignment="1">
      <alignment horizontal="center" vertical="center"/>
    </xf>
    <xf numFmtId="0" fontId="4" fillId="2" borderId="75" xfId="0" applyFont="1" applyFill="1" applyBorder="1" applyAlignment="1">
      <alignment horizontal="center" vertical="center"/>
    </xf>
    <xf numFmtId="177" fontId="3" fillId="3" borderId="12" xfId="0" applyNumberFormat="1" applyFont="1" applyFill="1" applyBorder="1" applyAlignment="1" applyProtection="1">
      <alignment horizontal="left" vertical="center"/>
      <protection locked="0"/>
    </xf>
    <xf numFmtId="177" fontId="3" fillId="3" borderId="36" xfId="0" applyNumberFormat="1" applyFont="1" applyFill="1" applyBorder="1" applyAlignment="1" applyProtection="1">
      <alignment horizontal="left" vertical="center"/>
      <protection locked="0"/>
    </xf>
    <xf numFmtId="0" fontId="4" fillId="2" borderId="46" xfId="0" applyFont="1" applyFill="1" applyBorder="1" applyAlignment="1">
      <alignment horizontal="center" vertical="center"/>
    </xf>
    <xf numFmtId="0" fontId="4" fillId="2" borderId="40" xfId="0" applyFont="1" applyFill="1" applyBorder="1" applyAlignment="1">
      <alignment horizontal="center" vertical="center"/>
    </xf>
    <xf numFmtId="177" fontId="3" fillId="3" borderId="1" xfId="0" applyNumberFormat="1" applyFont="1" applyFill="1" applyBorder="1" applyAlignment="1" applyProtection="1">
      <alignment horizontal="left" vertical="center"/>
      <protection locked="0"/>
    </xf>
    <xf numFmtId="177" fontId="3" fillId="3" borderId="38" xfId="0" applyNumberFormat="1" applyFont="1" applyFill="1" applyBorder="1" applyAlignment="1" applyProtection="1">
      <alignment horizontal="left" vertical="center"/>
      <protection locked="0"/>
    </xf>
    <xf numFmtId="0" fontId="2" fillId="3" borderId="47" xfId="0" applyFont="1" applyFill="1" applyBorder="1" applyAlignment="1" applyProtection="1">
      <alignment horizontal="left" vertical="center" wrapText="1"/>
      <protection locked="0"/>
    </xf>
    <xf numFmtId="0" fontId="2" fillId="3" borderId="55" xfId="0" applyFont="1" applyFill="1" applyBorder="1" applyAlignment="1" applyProtection="1">
      <alignment horizontal="left" vertical="center" wrapText="1"/>
      <protection locked="0"/>
    </xf>
    <xf numFmtId="0" fontId="2" fillId="3" borderId="48" xfId="0" applyFont="1" applyFill="1" applyBorder="1" applyAlignment="1" applyProtection="1">
      <alignment horizontal="left" vertical="center" wrapText="1"/>
      <protection locked="0"/>
    </xf>
    <xf numFmtId="0" fontId="2" fillId="3" borderId="47" xfId="0" applyFont="1" applyFill="1" applyBorder="1" applyAlignment="1" applyProtection="1">
      <alignment horizontal="center" vertical="center"/>
      <protection locked="0"/>
    </xf>
    <xf numFmtId="0" fontId="2" fillId="3" borderId="55" xfId="0" applyFont="1" applyFill="1" applyBorder="1" applyAlignment="1" applyProtection="1">
      <alignment horizontal="center" vertical="center"/>
      <protection locked="0"/>
    </xf>
    <xf numFmtId="0" fontId="2" fillId="3" borderId="48" xfId="0" applyFont="1" applyFill="1" applyBorder="1" applyAlignment="1" applyProtection="1">
      <alignment horizontal="center" vertical="center"/>
      <protection locked="0"/>
    </xf>
    <xf numFmtId="0" fontId="2" fillId="3" borderId="47" xfId="0" applyFont="1" applyFill="1" applyBorder="1" applyAlignment="1" applyProtection="1">
      <alignment horizontal="left" vertical="center"/>
      <protection locked="0"/>
    </xf>
    <xf numFmtId="0" fontId="2" fillId="3" borderId="55" xfId="0" applyFont="1" applyFill="1" applyBorder="1" applyAlignment="1" applyProtection="1">
      <alignment horizontal="left" vertical="center"/>
      <protection locked="0"/>
    </xf>
    <xf numFmtId="0" fontId="2" fillId="3" borderId="7" xfId="0" applyFont="1" applyFill="1" applyBorder="1" applyAlignment="1" applyProtection="1">
      <alignment horizontal="left" vertical="center"/>
      <protection locked="0"/>
    </xf>
    <xf numFmtId="0" fontId="2" fillId="3" borderId="48" xfId="0" applyFont="1" applyFill="1" applyBorder="1" applyAlignment="1" applyProtection="1">
      <alignment horizontal="left" vertical="center"/>
      <protection locked="0"/>
    </xf>
    <xf numFmtId="0" fontId="2" fillId="2" borderId="64" xfId="0" applyFont="1" applyFill="1" applyBorder="1" applyAlignment="1">
      <alignment horizontal="left" vertical="center"/>
    </xf>
    <xf numFmtId="0" fontId="2" fillId="2" borderId="21" xfId="0" applyFont="1" applyFill="1" applyBorder="1" applyAlignment="1">
      <alignment horizontal="left" vertical="center"/>
    </xf>
    <xf numFmtId="177" fontId="3" fillId="3" borderId="16" xfId="0" applyNumberFormat="1" applyFont="1" applyFill="1" applyBorder="1" applyAlignment="1" applyProtection="1">
      <alignment horizontal="center" vertical="center"/>
      <protection locked="0"/>
    </xf>
    <xf numFmtId="177" fontId="3" fillId="3" borderId="49" xfId="0" applyNumberFormat="1" applyFont="1" applyFill="1" applyBorder="1" applyAlignment="1" applyProtection="1">
      <alignment horizontal="center" vertical="center"/>
      <protection locked="0"/>
    </xf>
    <xf numFmtId="0" fontId="3" fillId="2" borderId="9" xfId="0" applyFont="1" applyFill="1" applyBorder="1" applyAlignment="1">
      <alignment horizontal="center" vertical="center" wrapText="1"/>
    </xf>
    <xf numFmtId="0" fontId="3" fillId="2" borderId="15" xfId="0" applyFont="1" applyFill="1" applyBorder="1" applyAlignment="1">
      <alignment horizontal="center" vertical="center" wrapText="1"/>
    </xf>
    <xf numFmtId="0" fontId="3" fillId="2" borderId="11" xfId="0" applyFont="1" applyFill="1" applyBorder="1" applyAlignment="1">
      <alignment horizontal="center" vertical="center" wrapText="1"/>
    </xf>
    <xf numFmtId="0" fontId="3" fillId="2" borderId="16" xfId="0" applyFont="1" applyFill="1" applyBorder="1" applyAlignment="1">
      <alignment horizontal="center" vertical="center" wrapText="1"/>
    </xf>
    <xf numFmtId="0" fontId="3" fillId="2" borderId="19" xfId="0" applyFont="1" applyFill="1" applyBorder="1" applyAlignment="1">
      <alignment horizontal="center" vertical="center" wrapText="1"/>
    </xf>
    <xf numFmtId="0" fontId="3" fillId="2" borderId="20" xfId="0" applyFont="1" applyFill="1" applyBorder="1" applyAlignment="1">
      <alignment horizontal="center" vertical="center" wrapText="1"/>
    </xf>
    <xf numFmtId="0" fontId="3" fillId="2" borderId="14" xfId="0" applyFont="1" applyFill="1" applyBorder="1" applyAlignment="1">
      <alignment horizontal="center" vertical="center" wrapText="1"/>
    </xf>
    <xf numFmtId="0" fontId="3" fillId="3" borderId="47" xfId="0" applyFont="1" applyFill="1" applyBorder="1" applyAlignment="1" applyProtection="1">
      <alignment horizontal="left" vertical="center" shrinkToFit="1"/>
      <protection locked="0"/>
    </xf>
    <xf numFmtId="0" fontId="3" fillId="3" borderId="48" xfId="0" applyFont="1" applyFill="1" applyBorder="1" applyAlignment="1" applyProtection="1">
      <alignment horizontal="left" vertical="center" shrinkToFit="1"/>
      <protection locked="0"/>
    </xf>
    <xf numFmtId="0" fontId="3" fillId="3" borderId="35" xfId="0" applyFont="1" applyFill="1" applyBorder="1" applyAlignment="1" applyProtection="1">
      <alignment horizontal="left" vertical="center" shrinkToFit="1"/>
      <protection locked="0"/>
    </xf>
    <xf numFmtId="0" fontId="3" fillId="3" borderId="49" xfId="0" applyFont="1" applyFill="1" applyBorder="1" applyAlignment="1" applyProtection="1">
      <alignment horizontal="left" vertical="center" shrinkToFit="1"/>
      <protection locked="0"/>
    </xf>
    <xf numFmtId="0" fontId="3" fillId="2" borderId="43" xfId="0" applyFont="1" applyFill="1" applyBorder="1" applyAlignment="1">
      <alignment horizontal="center" vertical="center"/>
    </xf>
    <xf numFmtId="0" fontId="3" fillId="2" borderId="44" xfId="0" applyFont="1" applyFill="1" applyBorder="1" applyAlignment="1">
      <alignment horizontal="center" vertical="center"/>
    </xf>
    <xf numFmtId="0" fontId="3" fillId="2" borderId="45" xfId="0" applyFont="1" applyFill="1" applyBorder="1" applyAlignment="1">
      <alignment horizontal="center" vertical="center"/>
    </xf>
    <xf numFmtId="0" fontId="2" fillId="3" borderId="35" xfId="0" applyFont="1" applyFill="1" applyBorder="1" applyAlignment="1" applyProtection="1">
      <alignment horizontal="left" vertical="center"/>
      <protection locked="0"/>
    </xf>
    <xf numFmtId="0" fontId="2" fillId="3" borderId="68" xfId="0" applyFont="1" applyFill="1" applyBorder="1" applyAlignment="1" applyProtection="1">
      <alignment horizontal="left" vertical="center"/>
      <protection locked="0"/>
    </xf>
    <xf numFmtId="0" fontId="3" fillId="3" borderId="23" xfId="0" applyFont="1" applyFill="1" applyBorder="1" applyAlignment="1" applyProtection="1">
      <alignment horizontal="center" vertical="top"/>
      <protection locked="0"/>
    </xf>
    <xf numFmtId="0" fontId="3" fillId="3" borderId="14" xfId="0" applyFont="1" applyFill="1" applyBorder="1" applyAlignment="1" applyProtection="1">
      <alignment horizontal="center" vertical="top"/>
      <protection locked="0"/>
    </xf>
    <xf numFmtId="0" fontId="3" fillId="3" borderId="24" xfId="0" applyFont="1" applyFill="1" applyBorder="1" applyAlignment="1" applyProtection="1">
      <alignment horizontal="center" vertical="top"/>
      <protection locked="0"/>
    </xf>
    <xf numFmtId="0" fontId="3" fillId="3" borderId="28" xfId="0" applyFont="1" applyFill="1" applyBorder="1" applyAlignment="1" applyProtection="1">
      <alignment horizontal="center" vertical="top"/>
      <protection locked="0"/>
    </xf>
    <xf numFmtId="0" fontId="3" fillId="3" borderId="0" xfId="0" applyFont="1" applyFill="1" applyAlignment="1" applyProtection="1">
      <alignment horizontal="center" vertical="top"/>
      <protection locked="0"/>
    </xf>
    <xf numFmtId="0" fontId="3" fillId="3" borderId="29" xfId="0" applyFont="1" applyFill="1" applyBorder="1" applyAlignment="1" applyProtection="1">
      <alignment horizontal="center" vertical="top"/>
      <protection locked="0"/>
    </xf>
    <xf numFmtId="0" fontId="3" fillId="3" borderId="25" xfId="0" applyFont="1" applyFill="1" applyBorder="1" applyAlignment="1" applyProtection="1">
      <alignment horizontal="center" vertical="top"/>
      <protection locked="0"/>
    </xf>
    <xf numFmtId="0" fontId="3" fillId="3" borderId="26" xfId="0" applyFont="1" applyFill="1" applyBorder="1" applyAlignment="1" applyProtection="1">
      <alignment horizontal="center" vertical="top"/>
      <protection locked="0"/>
    </xf>
    <xf numFmtId="0" fontId="3" fillId="3" borderId="27" xfId="0" applyFont="1" applyFill="1" applyBorder="1" applyAlignment="1" applyProtection="1">
      <alignment horizontal="center" vertical="top"/>
      <protection locked="0"/>
    </xf>
    <xf numFmtId="0" fontId="2" fillId="3" borderId="28" xfId="0" applyFont="1" applyFill="1" applyBorder="1" applyAlignment="1" applyProtection="1">
      <alignment horizontal="left" vertical="center" wrapText="1"/>
      <protection locked="0"/>
    </xf>
    <xf numFmtId="0" fontId="2" fillId="3" borderId="0" xfId="0" applyFont="1" applyFill="1" applyAlignment="1" applyProtection="1">
      <alignment horizontal="left" vertical="center" wrapText="1"/>
      <protection locked="0"/>
    </xf>
    <xf numFmtId="0" fontId="2" fillId="3" borderId="29" xfId="0" applyFont="1" applyFill="1" applyBorder="1" applyAlignment="1" applyProtection="1">
      <alignment horizontal="left" vertical="center" wrapText="1"/>
      <protection locked="0"/>
    </xf>
    <xf numFmtId="0" fontId="3" fillId="2" borderId="0" xfId="0" applyFont="1" applyFill="1" applyAlignment="1">
      <alignment horizontal="center" vertical="center"/>
    </xf>
    <xf numFmtId="0" fontId="3" fillId="2" borderId="70" xfId="0" applyFont="1" applyFill="1" applyBorder="1" applyAlignment="1">
      <alignment horizontal="center" vertical="center"/>
    </xf>
    <xf numFmtId="0" fontId="3" fillId="2" borderId="71" xfId="0" applyFont="1" applyFill="1" applyBorder="1" applyAlignment="1">
      <alignment horizontal="center" vertical="center"/>
    </xf>
    <xf numFmtId="0" fontId="3" fillId="2" borderId="75" xfId="0" applyFont="1" applyFill="1" applyBorder="1" applyAlignment="1">
      <alignment horizontal="center" vertical="center"/>
    </xf>
    <xf numFmtId="0" fontId="3" fillId="3" borderId="72" xfId="0" applyFont="1" applyFill="1" applyBorder="1" applyAlignment="1" applyProtection="1">
      <alignment horizontal="left" vertical="center" wrapText="1"/>
      <protection locked="0"/>
    </xf>
    <xf numFmtId="0" fontId="3" fillId="3" borderId="56" xfId="0" applyFont="1" applyFill="1" applyBorder="1" applyAlignment="1" applyProtection="1">
      <alignment horizontal="left" vertical="center" wrapText="1"/>
      <protection locked="0"/>
    </xf>
    <xf numFmtId="0" fontId="3" fillId="3" borderId="63" xfId="0" applyFont="1" applyFill="1" applyBorder="1" applyAlignment="1" applyProtection="1">
      <alignment horizontal="left" vertical="center" wrapText="1"/>
      <protection locked="0"/>
    </xf>
    <xf numFmtId="0" fontId="3" fillId="3" borderId="28" xfId="0" applyFont="1" applyFill="1" applyBorder="1" applyAlignment="1" applyProtection="1">
      <alignment horizontal="left" vertical="center" wrapText="1"/>
      <protection locked="0"/>
    </xf>
    <xf numFmtId="0" fontId="3" fillId="3" borderId="0" xfId="0" applyFont="1" applyFill="1" applyAlignment="1" applyProtection="1">
      <alignment horizontal="left" vertical="center" wrapText="1"/>
      <protection locked="0"/>
    </xf>
    <xf numFmtId="0" fontId="3" fillId="3" borderId="29" xfId="0" applyFont="1" applyFill="1" applyBorder="1" applyAlignment="1" applyProtection="1">
      <alignment horizontal="left" vertical="center" wrapText="1"/>
      <protection locked="0"/>
    </xf>
    <xf numFmtId="0" fontId="3" fillId="3" borderId="25" xfId="0" applyFont="1" applyFill="1" applyBorder="1" applyAlignment="1" applyProtection="1">
      <alignment horizontal="left" vertical="center" wrapText="1"/>
      <protection locked="0"/>
    </xf>
    <xf numFmtId="0" fontId="3" fillId="3" borderId="26" xfId="0" applyFont="1" applyFill="1" applyBorder="1" applyAlignment="1" applyProtection="1">
      <alignment horizontal="left" vertical="center" wrapText="1"/>
      <protection locked="0"/>
    </xf>
    <xf numFmtId="0" fontId="3" fillId="3" borderId="27" xfId="0" applyFont="1" applyFill="1" applyBorder="1" applyAlignment="1" applyProtection="1">
      <alignment horizontal="left" vertical="center" wrapText="1"/>
      <protection locked="0"/>
    </xf>
    <xf numFmtId="0" fontId="2" fillId="3" borderId="16" xfId="0" applyFont="1" applyFill="1" applyBorder="1" applyAlignment="1" applyProtection="1">
      <alignment horizontal="left" vertical="center"/>
      <protection locked="0"/>
    </xf>
    <xf numFmtId="0" fontId="2" fillId="3" borderId="49" xfId="0" applyFont="1" applyFill="1" applyBorder="1" applyAlignment="1" applyProtection="1">
      <alignment horizontal="left" vertical="center"/>
      <protection locked="0"/>
    </xf>
    <xf numFmtId="0" fontId="2" fillId="2" borderId="23" xfId="0" applyFont="1" applyFill="1" applyBorder="1" applyAlignment="1">
      <alignment horizontal="center" vertical="center" wrapText="1"/>
    </xf>
    <xf numFmtId="0" fontId="2" fillId="2" borderId="14" xfId="0" applyFont="1" applyFill="1" applyBorder="1" applyAlignment="1">
      <alignment horizontal="center" vertical="center" wrapText="1"/>
    </xf>
    <xf numFmtId="0" fontId="2" fillId="2" borderId="24" xfId="0" applyFont="1" applyFill="1" applyBorder="1" applyAlignment="1">
      <alignment horizontal="center" vertical="center" wrapText="1"/>
    </xf>
    <xf numFmtId="0" fontId="2" fillId="2" borderId="25" xfId="0" applyFont="1" applyFill="1" applyBorder="1" applyAlignment="1">
      <alignment horizontal="center" vertical="center" wrapText="1"/>
    </xf>
    <xf numFmtId="0" fontId="2" fillId="2" borderId="26" xfId="0" applyFont="1" applyFill="1" applyBorder="1" applyAlignment="1">
      <alignment horizontal="center" vertical="center" wrapText="1"/>
    </xf>
    <xf numFmtId="0" fontId="2" fillId="2" borderId="27" xfId="0" applyFont="1" applyFill="1" applyBorder="1" applyAlignment="1">
      <alignment horizontal="center" vertical="center" wrapText="1"/>
    </xf>
    <xf numFmtId="177" fontId="3" fillId="3" borderId="7" xfId="0" applyNumberFormat="1" applyFont="1" applyFill="1" applyBorder="1" applyAlignment="1" applyProtection="1">
      <alignment horizontal="center" vertical="center"/>
      <protection locked="0"/>
    </xf>
    <xf numFmtId="177" fontId="3" fillId="3" borderId="48" xfId="0" applyNumberFormat="1" applyFont="1" applyFill="1" applyBorder="1" applyAlignment="1" applyProtection="1">
      <alignment horizontal="center" vertical="center"/>
      <protection locked="0"/>
    </xf>
    <xf numFmtId="0" fontId="2" fillId="2" borderId="23" xfId="0" applyFont="1" applyFill="1" applyBorder="1" applyAlignment="1">
      <alignment horizontal="left" vertical="center" wrapText="1"/>
    </xf>
    <xf numFmtId="0" fontId="2" fillId="2" borderId="14" xfId="0" applyFont="1" applyFill="1" applyBorder="1" applyAlignment="1">
      <alignment horizontal="left" vertical="center" wrapText="1"/>
    </xf>
    <xf numFmtId="0" fontId="2" fillId="2" borderId="24" xfId="0" applyFont="1" applyFill="1" applyBorder="1" applyAlignment="1">
      <alignment horizontal="left" vertical="center" wrapText="1"/>
    </xf>
    <xf numFmtId="0" fontId="2" fillId="2" borderId="28" xfId="0" applyFont="1" applyFill="1" applyBorder="1" applyAlignment="1">
      <alignment horizontal="left" vertical="center" wrapText="1"/>
    </xf>
    <xf numFmtId="0" fontId="2" fillId="2" borderId="0" xfId="0" applyFont="1" applyFill="1" applyAlignment="1">
      <alignment horizontal="left" vertical="center" wrapText="1"/>
    </xf>
    <xf numFmtId="0" fontId="2" fillId="2" borderId="29" xfId="0" applyFont="1" applyFill="1" applyBorder="1" applyAlignment="1">
      <alignment horizontal="left" vertical="center" wrapText="1"/>
    </xf>
    <xf numFmtId="0" fontId="2" fillId="2" borderId="25" xfId="0" applyFont="1" applyFill="1" applyBorder="1" applyAlignment="1">
      <alignment horizontal="left" vertical="center" wrapText="1"/>
    </xf>
    <xf numFmtId="0" fontId="2" fillId="2" borderId="26" xfId="0" applyFont="1" applyFill="1" applyBorder="1" applyAlignment="1">
      <alignment horizontal="left" vertical="center" wrapText="1"/>
    </xf>
    <xf numFmtId="0" fontId="2" fillId="2" borderId="27" xfId="0" applyFont="1" applyFill="1" applyBorder="1" applyAlignment="1">
      <alignment horizontal="left" vertical="center" wrapText="1"/>
    </xf>
    <xf numFmtId="0" fontId="6" fillId="2" borderId="0" xfId="0" applyFont="1" applyFill="1" applyAlignment="1">
      <alignment horizontal="center" vertical="center"/>
    </xf>
    <xf numFmtId="0" fontId="2" fillId="2" borderId="22" xfId="0" applyFont="1" applyFill="1" applyBorder="1" applyAlignment="1">
      <alignment horizontal="left" vertical="center" wrapText="1"/>
    </xf>
    <xf numFmtId="0" fontId="2" fillId="2" borderId="20" xfId="0" applyFont="1" applyFill="1" applyBorder="1" applyAlignment="1">
      <alignment horizontal="left" vertical="center" wrapText="1"/>
    </xf>
    <xf numFmtId="0" fontId="2" fillId="2" borderId="30" xfId="0" applyFont="1" applyFill="1" applyBorder="1" applyAlignment="1">
      <alignment horizontal="center" vertical="center" wrapText="1"/>
    </xf>
    <xf numFmtId="0" fontId="2" fillId="2" borderId="31" xfId="0" applyFont="1" applyFill="1" applyBorder="1" applyAlignment="1">
      <alignment horizontal="center" vertical="center" wrapText="1"/>
    </xf>
    <xf numFmtId="0" fontId="2" fillId="2" borderId="0" xfId="1" applyFont="1" applyFill="1" applyBorder="1" applyAlignment="1" applyProtection="1">
      <alignment horizontal="left" vertical="center"/>
      <protection locked="0"/>
    </xf>
    <xf numFmtId="0" fontId="2" fillId="2" borderId="61" xfId="0" applyFont="1" applyFill="1" applyBorder="1" applyAlignment="1">
      <alignment horizontal="center" vertical="center"/>
    </xf>
    <xf numFmtId="0" fontId="2" fillId="2" borderId="56" xfId="0" applyFont="1" applyFill="1" applyBorder="1" applyAlignment="1">
      <alignment horizontal="center" vertical="center"/>
    </xf>
    <xf numFmtId="0" fontId="2" fillId="2" borderId="65" xfId="0" applyFont="1" applyFill="1" applyBorder="1" applyAlignment="1">
      <alignment horizontal="center" vertical="center"/>
    </xf>
    <xf numFmtId="0" fontId="2" fillId="2" borderId="62" xfId="0" applyFont="1" applyFill="1" applyBorder="1" applyAlignment="1">
      <alignment horizontal="center" vertical="center"/>
    </xf>
    <xf numFmtId="0" fontId="2" fillId="2" borderId="0" xfId="0" applyFont="1" applyFill="1" applyAlignment="1">
      <alignment horizontal="center" vertical="center"/>
    </xf>
    <xf numFmtId="0" fontId="2" fillId="2" borderId="67" xfId="0" applyFont="1" applyFill="1" applyBorder="1" applyAlignment="1">
      <alignment horizontal="center" vertical="center"/>
    </xf>
    <xf numFmtId="0" fontId="2" fillId="2" borderId="5" xfId="0" applyFont="1" applyFill="1" applyBorder="1" applyAlignment="1">
      <alignment horizontal="center" vertical="center"/>
    </xf>
    <xf numFmtId="0" fontId="2" fillId="2" borderId="60" xfId="0" applyFont="1" applyFill="1" applyBorder="1" applyAlignment="1">
      <alignment horizontal="center" vertical="center"/>
    </xf>
    <xf numFmtId="0" fontId="2" fillId="2" borderId="6" xfId="0" applyFont="1" applyFill="1" applyBorder="1" applyAlignment="1">
      <alignment horizontal="center" vertical="center"/>
    </xf>
    <xf numFmtId="0" fontId="2" fillId="2" borderId="7" xfId="0" applyFont="1" applyFill="1" applyBorder="1" applyAlignment="1">
      <alignment horizontal="distributed" vertical="center" indent="1"/>
    </xf>
    <xf numFmtId="0" fontId="2" fillId="2" borderId="8" xfId="0" applyFont="1" applyFill="1" applyBorder="1" applyAlignment="1">
      <alignment horizontal="distributed" vertical="center" indent="1"/>
    </xf>
    <xf numFmtId="0" fontId="2" fillId="2" borderId="61" xfId="0" applyFont="1" applyFill="1" applyBorder="1" applyAlignment="1">
      <alignment horizontal="distributed" vertical="center" indent="1"/>
    </xf>
    <xf numFmtId="0" fontId="2" fillId="2" borderId="65" xfId="0" applyFont="1" applyFill="1" applyBorder="1" applyAlignment="1">
      <alignment horizontal="distributed" vertical="center" indent="1"/>
    </xf>
    <xf numFmtId="0" fontId="2" fillId="2" borderId="62" xfId="0" applyFont="1" applyFill="1" applyBorder="1" applyAlignment="1">
      <alignment horizontal="distributed" vertical="center" indent="1"/>
    </xf>
    <xf numFmtId="0" fontId="2" fillId="2" borderId="67" xfId="0" applyFont="1" applyFill="1" applyBorder="1" applyAlignment="1">
      <alignment horizontal="distributed" vertical="center" indent="1"/>
    </xf>
    <xf numFmtId="0" fontId="2" fillId="2" borderId="5" xfId="0" applyFont="1" applyFill="1" applyBorder="1" applyAlignment="1">
      <alignment horizontal="distributed" vertical="center" indent="1"/>
    </xf>
    <xf numFmtId="0" fontId="2" fillId="2" borderId="6" xfId="0" applyFont="1" applyFill="1" applyBorder="1" applyAlignment="1">
      <alignment horizontal="distributed" vertical="center" indent="1"/>
    </xf>
    <xf numFmtId="0" fontId="2" fillId="2" borderId="1" xfId="0" applyFont="1" applyFill="1" applyBorder="1" applyAlignment="1">
      <alignment horizontal="left" vertical="center" indent="1"/>
    </xf>
    <xf numFmtId="0" fontId="2" fillId="2" borderId="1" xfId="0" applyFont="1" applyFill="1" applyBorder="1" applyAlignment="1">
      <alignment horizontal="left" vertical="center"/>
    </xf>
    <xf numFmtId="0" fontId="2" fillId="3" borderId="70" xfId="0" applyFont="1" applyFill="1" applyBorder="1" applyAlignment="1" applyProtection="1">
      <alignment horizontal="center" vertical="center"/>
      <protection locked="0"/>
    </xf>
    <xf numFmtId="0" fontId="2" fillId="3" borderId="71" xfId="0" applyFont="1" applyFill="1" applyBorder="1" applyAlignment="1" applyProtection="1">
      <alignment horizontal="center" vertical="center"/>
      <protection locked="0"/>
    </xf>
    <xf numFmtId="0" fontId="2" fillId="3" borderId="75" xfId="0" applyFont="1" applyFill="1" applyBorder="1" applyAlignment="1" applyProtection="1">
      <alignment horizontal="center" vertical="center"/>
      <protection locked="0"/>
    </xf>
    <xf numFmtId="0" fontId="3" fillId="2" borderId="70" xfId="0" applyFont="1" applyFill="1" applyBorder="1" applyAlignment="1">
      <alignment horizontal="left" vertical="center"/>
    </xf>
    <xf numFmtId="0" fontId="3" fillId="2" borderId="71" xfId="0" applyFont="1" applyFill="1" applyBorder="1" applyAlignment="1">
      <alignment horizontal="left" vertical="center"/>
    </xf>
    <xf numFmtId="0" fontId="3" fillId="2" borderId="41" xfId="0" applyFont="1" applyFill="1" applyBorder="1" applyAlignment="1">
      <alignment horizontal="left" vertical="center"/>
    </xf>
    <xf numFmtId="0" fontId="3" fillId="2" borderId="47" xfId="0" applyFont="1" applyFill="1" applyBorder="1" applyAlignment="1">
      <alignment horizontal="left" vertical="center"/>
    </xf>
    <xf numFmtId="0" fontId="3" fillId="2" borderId="55" xfId="0" applyFont="1" applyFill="1" applyBorder="1" applyAlignment="1">
      <alignment horizontal="left" vertical="center"/>
    </xf>
    <xf numFmtId="0" fontId="3" fillId="2" borderId="8" xfId="0" applyFont="1" applyFill="1" applyBorder="1" applyAlignment="1">
      <alignment horizontal="left" vertical="center"/>
    </xf>
    <xf numFmtId="0" fontId="3" fillId="2" borderId="72" xfId="0" applyFont="1" applyFill="1" applyBorder="1" applyAlignment="1">
      <alignment horizontal="left" vertical="top" wrapText="1"/>
    </xf>
    <xf numFmtId="0" fontId="3" fillId="2" borderId="56" xfId="0" applyFont="1" applyFill="1" applyBorder="1" applyAlignment="1">
      <alignment horizontal="left" vertical="top" wrapText="1"/>
    </xf>
    <xf numFmtId="0" fontId="3" fillId="2" borderId="65" xfId="0" applyFont="1" applyFill="1" applyBorder="1" applyAlignment="1">
      <alignment horizontal="left" vertical="top" wrapText="1"/>
    </xf>
    <xf numFmtId="0" fontId="3" fillId="2" borderId="28" xfId="0" applyFont="1" applyFill="1" applyBorder="1" applyAlignment="1">
      <alignment horizontal="left" vertical="top" wrapText="1"/>
    </xf>
    <xf numFmtId="0" fontId="3" fillId="2" borderId="0" xfId="0" applyFont="1" applyFill="1" applyAlignment="1">
      <alignment horizontal="left" vertical="top" wrapText="1"/>
    </xf>
    <xf numFmtId="0" fontId="3" fillId="2" borderId="67" xfId="0" applyFont="1" applyFill="1" applyBorder="1" applyAlignment="1">
      <alignment horizontal="left" vertical="top" wrapText="1"/>
    </xf>
    <xf numFmtId="0" fontId="3" fillId="2" borderId="53" xfId="0" applyFont="1" applyFill="1" applyBorder="1" applyAlignment="1">
      <alignment horizontal="left" vertical="top" wrapText="1"/>
    </xf>
    <xf numFmtId="0" fontId="3" fillId="2" borderId="60" xfId="0" applyFont="1" applyFill="1" applyBorder="1" applyAlignment="1">
      <alignment horizontal="left" vertical="top" wrapText="1"/>
    </xf>
    <xf numFmtId="0" fontId="3" fillId="2" borderId="6" xfId="0" applyFont="1" applyFill="1" applyBorder="1" applyAlignment="1">
      <alignment horizontal="left" vertical="top" wrapText="1"/>
    </xf>
    <xf numFmtId="0" fontId="3" fillId="3" borderId="61" xfId="0" applyFont="1" applyFill="1" applyBorder="1" applyAlignment="1" applyProtection="1">
      <alignment horizontal="center" vertical="top" wrapText="1"/>
      <protection locked="0"/>
    </xf>
    <xf numFmtId="0" fontId="3" fillId="3" borderId="56" xfId="0" applyFont="1" applyFill="1" applyBorder="1" applyAlignment="1" applyProtection="1">
      <alignment horizontal="center" vertical="top" wrapText="1"/>
      <protection locked="0"/>
    </xf>
    <xf numFmtId="0" fontId="3" fillId="3" borderId="63" xfId="0" applyFont="1" applyFill="1" applyBorder="1" applyAlignment="1" applyProtection="1">
      <alignment horizontal="center" vertical="top" wrapText="1"/>
      <protection locked="0"/>
    </xf>
    <xf numFmtId="0" fontId="3" fillId="3" borderId="62" xfId="0" applyFont="1" applyFill="1" applyBorder="1" applyAlignment="1" applyProtection="1">
      <alignment horizontal="center" vertical="top" wrapText="1"/>
      <protection locked="0"/>
    </xf>
    <xf numFmtId="0" fontId="3" fillId="3" borderId="0" xfId="0" applyFont="1" applyFill="1" applyAlignment="1" applyProtection="1">
      <alignment horizontal="center" vertical="top" wrapText="1"/>
      <protection locked="0"/>
    </xf>
    <xf numFmtId="0" fontId="3" fillId="3" borderId="29" xfId="0" applyFont="1" applyFill="1" applyBorder="1" applyAlignment="1" applyProtection="1">
      <alignment horizontal="center" vertical="top" wrapText="1"/>
      <protection locked="0"/>
    </xf>
    <xf numFmtId="0" fontId="3" fillId="3" borderId="5" xfId="0" applyFont="1" applyFill="1" applyBorder="1" applyAlignment="1" applyProtection="1">
      <alignment horizontal="center" vertical="top" wrapText="1"/>
      <protection locked="0"/>
    </xf>
    <xf numFmtId="0" fontId="3" fillId="3" borderId="60" xfId="0" applyFont="1" applyFill="1" applyBorder="1" applyAlignment="1" applyProtection="1">
      <alignment horizontal="center" vertical="top" wrapText="1"/>
      <protection locked="0"/>
    </xf>
    <xf numFmtId="0" fontId="3" fillId="3" borderId="54" xfId="0" applyFont="1" applyFill="1" applyBorder="1" applyAlignment="1" applyProtection="1">
      <alignment horizontal="center" vertical="top" wrapText="1"/>
      <protection locked="0"/>
    </xf>
    <xf numFmtId="0" fontId="3" fillId="2" borderId="25" xfId="0" applyFont="1" applyFill="1" applyBorder="1" applyAlignment="1">
      <alignment horizontal="left" vertical="top" wrapText="1"/>
    </xf>
    <xf numFmtId="0" fontId="3" fillId="2" borderId="26" xfId="0" applyFont="1" applyFill="1" applyBorder="1" applyAlignment="1">
      <alignment horizontal="left" vertical="top" wrapText="1"/>
    </xf>
    <xf numFmtId="0" fontId="3" fillId="2" borderId="17" xfId="0" applyFont="1" applyFill="1" applyBorder="1" applyAlignment="1">
      <alignment horizontal="left" vertical="top" wrapText="1"/>
    </xf>
    <xf numFmtId="0" fontId="3" fillId="3" borderId="69" xfId="0" applyFont="1" applyFill="1" applyBorder="1" applyAlignment="1" applyProtection="1">
      <alignment horizontal="center" vertical="top" wrapText="1"/>
      <protection locked="0"/>
    </xf>
    <xf numFmtId="0" fontId="3" fillId="3" borderId="26" xfId="0" applyFont="1" applyFill="1" applyBorder="1" applyAlignment="1" applyProtection="1">
      <alignment horizontal="center" vertical="top" wrapText="1"/>
      <protection locked="0"/>
    </xf>
    <xf numFmtId="0" fontId="3" fillId="3" borderId="27" xfId="0" applyFont="1" applyFill="1" applyBorder="1" applyAlignment="1" applyProtection="1">
      <alignment horizontal="center" vertical="top" wrapText="1"/>
      <protection locked="0"/>
    </xf>
    <xf numFmtId="0" fontId="3" fillId="3" borderId="43" xfId="0" applyFont="1" applyFill="1" applyBorder="1" applyAlignment="1" applyProtection="1">
      <alignment horizontal="center" vertical="center"/>
      <protection locked="0"/>
    </xf>
    <xf numFmtId="0" fontId="3" fillId="3" borderId="44" xfId="0" applyFont="1" applyFill="1" applyBorder="1" applyAlignment="1" applyProtection="1">
      <alignment horizontal="center" vertical="center"/>
      <protection locked="0"/>
    </xf>
    <xf numFmtId="0" fontId="3" fillId="3" borderId="45" xfId="0" applyFont="1" applyFill="1" applyBorder="1" applyAlignment="1" applyProtection="1">
      <alignment horizontal="center" vertical="center"/>
      <protection locked="0"/>
    </xf>
    <xf numFmtId="0" fontId="2" fillId="3" borderId="0" xfId="0" applyFont="1" applyFill="1" applyAlignment="1">
      <alignment horizontal="center" vertical="center"/>
    </xf>
    <xf numFmtId="0" fontId="4" fillId="2" borderId="1" xfId="0" applyFont="1" applyFill="1" applyBorder="1" applyAlignment="1">
      <alignment horizontal="center" vertical="center" textRotation="255" shrinkToFit="1"/>
    </xf>
    <xf numFmtId="0" fontId="4" fillId="2" borderId="0" xfId="0" applyFont="1" applyFill="1" applyAlignment="1">
      <alignment horizontal="center" vertical="center"/>
    </xf>
    <xf numFmtId="0" fontId="4" fillId="2" borderId="0" xfId="0" applyFont="1" applyFill="1" applyAlignment="1">
      <alignment horizontal="center" vertical="center" wrapText="1"/>
    </xf>
    <xf numFmtId="0" fontId="4" fillId="2" borderId="67" xfId="0" applyFont="1" applyFill="1" applyBorder="1" applyAlignment="1">
      <alignment horizontal="center" vertical="center" wrapText="1"/>
    </xf>
    <xf numFmtId="0" fontId="4" fillId="2" borderId="67" xfId="0" applyFont="1" applyFill="1" applyBorder="1" applyAlignment="1">
      <alignment horizontal="center" vertical="center"/>
    </xf>
    <xf numFmtId="0" fontId="4" fillId="2" borderId="4" xfId="0" applyFont="1" applyFill="1" applyBorder="1" applyAlignment="1">
      <alignment horizontal="center" vertical="center" textRotation="255" shrinkToFit="1"/>
    </xf>
    <xf numFmtId="0" fontId="3" fillId="2" borderId="9" xfId="0" applyFont="1" applyFill="1" applyBorder="1" applyAlignment="1">
      <alignment horizontal="center" vertical="center"/>
    </xf>
    <xf numFmtId="0" fontId="3" fillId="2" borderId="59" xfId="0" applyFont="1" applyFill="1" applyBorder="1" applyAlignment="1">
      <alignment horizontal="center" vertical="center"/>
    </xf>
    <xf numFmtId="0" fontId="3" fillId="2" borderId="61" xfId="0" applyFont="1" applyFill="1" applyBorder="1" applyAlignment="1">
      <alignment horizontal="center" vertical="center" wrapText="1"/>
    </xf>
    <xf numFmtId="0" fontId="3" fillId="2" borderId="40" xfId="0" applyFont="1" applyFill="1" applyBorder="1" applyAlignment="1">
      <alignment horizontal="center" vertical="center"/>
    </xf>
    <xf numFmtId="0" fontId="3" fillId="2" borderId="41" xfId="0" applyFont="1" applyFill="1" applyBorder="1" applyAlignment="1">
      <alignment horizontal="center" vertical="center"/>
    </xf>
    <xf numFmtId="0" fontId="3" fillId="2" borderId="15" xfId="0" applyFont="1" applyFill="1" applyBorder="1" applyAlignment="1">
      <alignment horizontal="center" vertical="center"/>
    </xf>
    <xf numFmtId="0" fontId="4" fillId="2" borderId="75" xfId="0" applyFont="1" applyFill="1" applyBorder="1" applyAlignment="1">
      <alignment horizontal="center" vertical="center" wrapText="1"/>
    </xf>
    <xf numFmtId="0" fontId="4" fillId="2" borderId="49" xfId="0" applyFont="1" applyFill="1" applyBorder="1" applyAlignment="1">
      <alignment horizontal="center" vertical="center" wrapText="1"/>
    </xf>
    <xf numFmtId="177" fontId="4" fillId="2" borderId="70" xfId="0" applyNumberFormat="1" applyFont="1" applyFill="1" applyBorder="1" applyAlignment="1">
      <alignment horizontal="center" vertical="center" wrapText="1"/>
    </xf>
    <xf numFmtId="177" fontId="4" fillId="2" borderId="35" xfId="0" applyNumberFormat="1" applyFont="1" applyFill="1" applyBorder="1" applyAlignment="1">
      <alignment horizontal="center" vertical="center" wrapText="1"/>
    </xf>
    <xf numFmtId="0" fontId="4" fillId="2" borderId="9" xfId="0" applyFont="1" applyFill="1" applyBorder="1" applyAlignment="1">
      <alignment horizontal="center" vertical="center"/>
    </xf>
    <xf numFmtId="0" fontId="4" fillId="2" borderId="41" xfId="0" applyFont="1" applyFill="1" applyBorder="1" applyAlignment="1">
      <alignment horizontal="center" vertical="center"/>
    </xf>
    <xf numFmtId="0" fontId="4" fillId="2" borderId="30" xfId="0" applyFont="1" applyFill="1" applyBorder="1" applyAlignment="1">
      <alignment horizontal="center" vertical="center" wrapText="1"/>
    </xf>
    <xf numFmtId="0" fontId="4" fillId="2" borderId="31" xfId="0" applyFont="1" applyFill="1" applyBorder="1" applyAlignment="1">
      <alignment horizontal="center" vertical="center" wrapText="1"/>
    </xf>
    <xf numFmtId="0" fontId="4" fillId="2" borderId="41" xfId="0" applyFont="1" applyFill="1" applyBorder="1" applyAlignment="1">
      <alignment horizontal="center" vertical="center" wrapText="1"/>
    </xf>
    <xf numFmtId="0" fontId="4" fillId="2" borderId="18" xfId="0" applyFont="1" applyFill="1" applyBorder="1" applyAlignment="1">
      <alignment horizontal="center" vertical="center" wrapText="1"/>
    </xf>
    <xf numFmtId="0" fontId="4" fillId="2" borderId="40" xfId="0" applyFont="1" applyFill="1" applyBorder="1" applyAlignment="1">
      <alignment horizontal="center" vertical="center" wrapText="1"/>
    </xf>
    <xf numFmtId="0" fontId="4" fillId="2" borderId="36" xfId="0" applyFont="1" applyFill="1" applyBorder="1" applyAlignment="1">
      <alignment horizontal="center" vertical="center" wrapText="1"/>
    </xf>
  </cellXfs>
  <cellStyles count="2">
    <cellStyle name="ハイパーリンク" xfId="1" builtinId="8"/>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8" Type="http://schemas.openxmlformats.org/officeDocument/2006/relationships/image" Target="../media/image8.emf"/><Relationship Id="rId13" Type="http://schemas.openxmlformats.org/officeDocument/2006/relationships/image" Target="../media/image13.emf"/><Relationship Id="rId18" Type="http://schemas.openxmlformats.org/officeDocument/2006/relationships/image" Target="../media/image18.emf"/><Relationship Id="rId26" Type="http://schemas.openxmlformats.org/officeDocument/2006/relationships/image" Target="../media/image26.emf"/><Relationship Id="rId39" Type="http://schemas.openxmlformats.org/officeDocument/2006/relationships/image" Target="../media/image39.emf"/><Relationship Id="rId3" Type="http://schemas.openxmlformats.org/officeDocument/2006/relationships/image" Target="../media/image3.emf"/><Relationship Id="rId21" Type="http://schemas.openxmlformats.org/officeDocument/2006/relationships/image" Target="../media/image21.emf"/><Relationship Id="rId34" Type="http://schemas.openxmlformats.org/officeDocument/2006/relationships/image" Target="../media/image34.emf"/><Relationship Id="rId42" Type="http://schemas.openxmlformats.org/officeDocument/2006/relationships/image" Target="../media/image42.emf"/><Relationship Id="rId7" Type="http://schemas.openxmlformats.org/officeDocument/2006/relationships/image" Target="../media/image7.emf"/><Relationship Id="rId12" Type="http://schemas.openxmlformats.org/officeDocument/2006/relationships/image" Target="../media/image12.emf"/><Relationship Id="rId17" Type="http://schemas.openxmlformats.org/officeDocument/2006/relationships/image" Target="../media/image17.emf"/><Relationship Id="rId25" Type="http://schemas.openxmlformats.org/officeDocument/2006/relationships/image" Target="../media/image25.emf"/><Relationship Id="rId33" Type="http://schemas.openxmlformats.org/officeDocument/2006/relationships/image" Target="../media/image33.emf"/><Relationship Id="rId38" Type="http://schemas.openxmlformats.org/officeDocument/2006/relationships/image" Target="../media/image38.emf"/><Relationship Id="rId2" Type="http://schemas.openxmlformats.org/officeDocument/2006/relationships/image" Target="../media/image2.emf"/><Relationship Id="rId16" Type="http://schemas.openxmlformats.org/officeDocument/2006/relationships/image" Target="../media/image16.emf"/><Relationship Id="rId20" Type="http://schemas.openxmlformats.org/officeDocument/2006/relationships/image" Target="../media/image20.emf"/><Relationship Id="rId29" Type="http://schemas.openxmlformats.org/officeDocument/2006/relationships/image" Target="../media/image29.emf"/><Relationship Id="rId41" Type="http://schemas.openxmlformats.org/officeDocument/2006/relationships/image" Target="../media/image41.emf"/><Relationship Id="rId1" Type="http://schemas.openxmlformats.org/officeDocument/2006/relationships/image" Target="../media/image1.emf"/><Relationship Id="rId6" Type="http://schemas.openxmlformats.org/officeDocument/2006/relationships/image" Target="../media/image6.emf"/><Relationship Id="rId11" Type="http://schemas.openxmlformats.org/officeDocument/2006/relationships/image" Target="../media/image11.emf"/><Relationship Id="rId24" Type="http://schemas.openxmlformats.org/officeDocument/2006/relationships/image" Target="../media/image24.emf"/><Relationship Id="rId32" Type="http://schemas.openxmlformats.org/officeDocument/2006/relationships/image" Target="../media/image32.emf"/><Relationship Id="rId37" Type="http://schemas.openxmlformats.org/officeDocument/2006/relationships/image" Target="../media/image37.emf"/><Relationship Id="rId40" Type="http://schemas.openxmlformats.org/officeDocument/2006/relationships/image" Target="../media/image40.emf"/><Relationship Id="rId5" Type="http://schemas.openxmlformats.org/officeDocument/2006/relationships/image" Target="../media/image5.emf"/><Relationship Id="rId15" Type="http://schemas.openxmlformats.org/officeDocument/2006/relationships/image" Target="../media/image15.emf"/><Relationship Id="rId23" Type="http://schemas.openxmlformats.org/officeDocument/2006/relationships/image" Target="../media/image23.emf"/><Relationship Id="rId28" Type="http://schemas.openxmlformats.org/officeDocument/2006/relationships/image" Target="../media/image28.emf"/><Relationship Id="rId36" Type="http://schemas.openxmlformats.org/officeDocument/2006/relationships/image" Target="../media/image36.emf"/><Relationship Id="rId10" Type="http://schemas.openxmlformats.org/officeDocument/2006/relationships/image" Target="../media/image10.emf"/><Relationship Id="rId19" Type="http://schemas.openxmlformats.org/officeDocument/2006/relationships/image" Target="../media/image19.emf"/><Relationship Id="rId31" Type="http://schemas.openxmlformats.org/officeDocument/2006/relationships/image" Target="../media/image31.emf"/><Relationship Id="rId44" Type="http://schemas.openxmlformats.org/officeDocument/2006/relationships/image" Target="../media/image44.emf"/><Relationship Id="rId4" Type="http://schemas.openxmlformats.org/officeDocument/2006/relationships/image" Target="../media/image4.emf"/><Relationship Id="rId9" Type="http://schemas.openxmlformats.org/officeDocument/2006/relationships/image" Target="../media/image9.emf"/><Relationship Id="rId14" Type="http://schemas.openxmlformats.org/officeDocument/2006/relationships/image" Target="../media/image14.emf"/><Relationship Id="rId22" Type="http://schemas.openxmlformats.org/officeDocument/2006/relationships/image" Target="../media/image22.emf"/><Relationship Id="rId27" Type="http://schemas.openxmlformats.org/officeDocument/2006/relationships/image" Target="../media/image27.emf"/><Relationship Id="rId30" Type="http://schemas.openxmlformats.org/officeDocument/2006/relationships/image" Target="../media/image30.emf"/><Relationship Id="rId35" Type="http://schemas.openxmlformats.org/officeDocument/2006/relationships/image" Target="../media/image35.emf"/><Relationship Id="rId43" Type="http://schemas.openxmlformats.org/officeDocument/2006/relationships/image" Target="../media/image43.emf"/></Relationships>
</file>

<file path=xl/drawings/_rels/vmlDrawing1.vml.rels><?xml version="1.0" encoding="UTF-8" standalone="yes"?>
<Relationships xmlns="http://schemas.openxmlformats.org/package/2006/relationships"><Relationship Id="rId2" Type="http://schemas.openxmlformats.org/officeDocument/2006/relationships/image" Target="../media/image46.emf"/><Relationship Id="rId1" Type="http://schemas.openxmlformats.org/officeDocument/2006/relationships/image" Target="../media/image45.emf"/></Relationships>
</file>

<file path=xl/drawings/drawing1.xml><?xml version="1.0" encoding="utf-8"?>
<xdr:wsDr xmlns:xdr="http://schemas.openxmlformats.org/drawingml/2006/spreadsheetDrawing" xmlns:a="http://schemas.openxmlformats.org/drawingml/2006/main">
  <xdr:twoCellAnchor>
    <xdr:from>
      <xdr:col>14</xdr:col>
      <xdr:colOff>314325</xdr:colOff>
      <xdr:row>83</xdr:row>
      <xdr:rowOff>180975</xdr:rowOff>
    </xdr:from>
    <xdr:to>
      <xdr:col>14</xdr:col>
      <xdr:colOff>6124575</xdr:colOff>
      <xdr:row>93</xdr:row>
      <xdr:rowOff>47625</xdr:rowOff>
    </xdr:to>
    <xdr:sp macro="" textlink="">
      <xdr:nvSpPr>
        <xdr:cNvPr id="2" name="テキスト ボックス 1">
          <a:extLst>
            <a:ext uri="{FF2B5EF4-FFF2-40B4-BE49-F238E27FC236}">
              <a16:creationId xmlns:a16="http://schemas.microsoft.com/office/drawing/2014/main" id="{00000000-0008-0000-0000-000002000000}"/>
            </a:ext>
          </a:extLst>
        </xdr:cNvPr>
        <xdr:cNvSpPr txBox="1"/>
      </xdr:nvSpPr>
      <xdr:spPr>
        <a:xfrm>
          <a:off x="6562725" y="20793075"/>
          <a:ext cx="5810250" cy="1962150"/>
        </a:xfrm>
        <a:prstGeom prst="rect">
          <a:avLst/>
        </a:prstGeom>
        <a:solidFill>
          <a:schemeClr val="lt1"/>
        </a:solidFill>
        <a:ln w="254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点検結果欄（適・不適）のほか、赤色網掛けセルへの入力をお願いします。</a:t>
          </a:r>
          <a:endParaRPr kumimoji="1" lang="en-US" altLang="ja-JP" sz="1100"/>
        </a:p>
        <a:p>
          <a:r>
            <a:rPr kumimoji="1" lang="ja-JP" altLang="en-US" sz="1100"/>
            <a:t>・入力しやすいようにシートを保護しています。</a:t>
          </a:r>
          <a:endParaRPr kumimoji="1" lang="en-US" altLang="ja-JP" sz="1100"/>
        </a:p>
        <a:p>
          <a:r>
            <a:rPr kumimoji="1" lang="ja-JP" altLang="en-US" sz="1100"/>
            <a:t>・解除したい場合は、「校閲」タブの「シート保護の解除」をクリックしてください。</a:t>
          </a:r>
          <a:endParaRPr kumimoji="1" lang="en-US" altLang="ja-JP" sz="1100"/>
        </a:p>
        <a:p>
          <a:r>
            <a:rPr kumimoji="1" lang="ja-JP" altLang="en-US" sz="1100"/>
            <a:t>　パスワードは設定していません。</a:t>
          </a:r>
          <a:endParaRPr kumimoji="1" lang="en-US" altLang="ja-JP" sz="1100"/>
        </a:p>
        <a:p>
          <a:r>
            <a:rPr kumimoji="1" lang="ja-JP" altLang="en-US" sz="1100"/>
            <a:t>・研修等の実施年月日等の入力欄が不足する場合は、列の追加等は行わず、</a:t>
          </a:r>
          <a:endParaRPr kumimoji="1" lang="en-US" altLang="ja-JP" sz="1100"/>
        </a:p>
        <a:p>
          <a:r>
            <a:rPr kumimoji="1" lang="ja-JP" altLang="en-US" sz="1100"/>
            <a:t>　セル内で改行をする等の対応をお願いいたします。</a:t>
          </a:r>
          <a:endParaRPr kumimoji="1" lang="en-US" altLang="ja-JP" sz="1100"/>
        </a:p>
        <a:p>
          <a:r>
            <a:rPr kumimoji="1" lang="ja-JP" altLang="en-US" sz="1100"/>
            <a:t>　監査当日に補足していただいても構いません。</a:t>
          </a:r>
        </a:p>
      </xdr:txBody>
    </xdr:sp>
    <xdr:clientData/>
  </xdr:twoCellAnchor>
  <xdr:twoCellAnchor editAs="oneCell">
    <xdr:from>
      <xdr:col>14</xdr:col>
      <xdr:colOff>0</xdr:colOff>
      <xdr:row>367</xdr:row>
      <xdr:rowOff>38100</xdr:rowOff>
    </xdr:from>
    <xdr:to>
      <xdr:col>15</xdr:col>
      <xdr:colOff>9525</xdr:colOff>
      <xdr:row>411</xdr:row>
      <xdr:rowOff>161925</xdr:rowOff>
    </xdr:to>
    <xdr:pic>
      <xdr:nvPicPr>
        <xdr:cNvPr id="60" name="図 59">
          <a:extLst>
            <a:ext uri="{FF2B5EF4-FFF2-40B4-BE49-F238E27FC236}">
              <a16:creationId xmlns:a16="http://schemas.microsoft.com/office/drawing/2014/main" id="{00000000-0008-0000-0000-00003C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6248400" y="80791050"/>
          <a:ext cx="6172200" cy="93440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535</xdr:row>
      <xdr:rowOff>47625</xdr:rowOff>
    </xdr:from>
    <xdr:to>
      <xdr:col>15</xdr:col>
      <xdr:colOff>9525</xdr:colOff>
      <xdr:row>539</xdr:row>
      <xdr:rowOff>19050</xdr:rowOff>
    </xdr:to>
    <xdr:pic>
      <xdr:nvPicPr>
        <xdr:cNvPr id="65" name="図 64">
          <a:extLst>
            <a:ext uri="{FF2B5EF4-FFF2-40B4-BE49-F238E27FC236}">
              <a16:creationId xmlns:a16="http://schemas.microsoft.com/office/drawing/2014/main" id="{00000000-0008-0000-0000-000041000000}"/>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6248400" y="116004975"/>
          <a:ext cx="6172200" cy="8096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683</xdr:row>
      <xdr:rowOff>47625</xdr:rowOff>
    </xdr:from>
    <xdr:to>
      <xdr:col>15</xdr:col>
      <xdr:colOff>9525</xdr:colOff>
      <xdr:row>685</xdr:row>
      <xdr:rowOff>171450</xdr:rowOff>
    </xdr:to>
    <xdr:pic>
      <xdr:nvPicPr>
        <xdr:cNvPr id="74" name="図 73">
          <a:extLst>
            <a:ext uri="{FF2B5EF4-FFF2-40B4-BE49-F238E27FC236}">
              <a16:creationId xmlns:a16="http://schemas.microsoft.com/office/drawing/2014/main" id="{00000000-0008-0000-0000-00004A000000}"/>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6248400" y="147018375"/>
          <a:ext cx="6172200" cy="5429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687</xdr:row>
      <xdr:rowOff>47625</xdr:rowOff>
    </xdr:from>
    <xdr:to>
      <xdr:col>15</xdr:col>
      <xdr:colOff>9525</xdr:colOff>
      <xdr:row>691</xdr:row>
      <xdr:rowOff>19051</xdr:rowOff>
    </xdr:to>
    <xdr:pic>
      <xdr:nvPicPr>
        <xdr:cNvPr id="75" name="図 74">
          <a:extLst>
            <a:ext uri="{FF2B5EF4-FFF2-40B4-BE49-F238E27FC236}">
              <a16:creationId xmlns:a16="http://schemas.microsoft.com/office/drawing/2014/main" id="{00000000-0008-0000-0000-00004B000000}"/>
            </a:ext>
          </a:extLst>
        </xdr:cNvPr>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a:stretch>
          <a:fillRect/>
        </a:stretch>
      </xdr:blipFill>
      <xdr:spPr bwMode="auto">
        <a:xfrm>
          <a:off x="6248400" y="147856575"/>
          <a:ext cx="6172200" cy="8096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770</xdr:row>
      <xdr:rowOff>38100</xdr:rowOff>
    </xdr:from>
    <xdr:to>
      <xdr:col>15</xdr:col>
      <xdr:colOff>9525</xdr:colOff>
      <xdr:row>772</xdr:row>
      <xdr:rowOff>28575</xdr:rowOff>
    </xdr:to>
    <xdr:pic>
      <xdr:nvPicPr>
        <xdr:cNvPr id="78" name="図 77">
          <a:extLst>
            <a:ext uri="{FF2B5EF4-FFF2-40B4-BE49-F238E27FC236}">
              <a16:creationId xmlns:a16="http://schemas.microsoft.com/office/drawing/2014/main" id="{00000000-0008-0000-0000-00004E000000}"/>
            </a:ext>
          </a:extLst>
        </xdr:cNvPr>
        <xdr:cNvPicPr>
          <a:picLocks noChangeAspect="1" noChangeArrowheads="1"/>
        </xdr:cNvPicPr>
      </xdr:nvPicPr>
      <xdr:blipFill>
        <a:blip xmlns:r="http://schemas.openxmlformats.org/officeDocument/2006/relationships" r:embed="rId5">
          <a:extLst>
            <a:ext uri="{28A0092B-C50C-407E-A947-70E740481C1C}">
              <a14:useLocalDpi xmlns:a14="http://schemas.microsoft.com/office/drawing/2010/main" val="0"/>
            </a:ext>
          </a:extLst>
        </a:blip>
        <a:srcRect/>
        <a:stretch>
          <a:fillRect/>
        </a:stretch>
      </xdr:blipFill>
      <xdr:spPr bwMode="auto">
        <a:xfrm>
          <a:off x="6248400" y="165239700"/>
          <a:ext cx="6172200" cy="4095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836</xdr:row>
      <xdr:rowOff>19050</xdr:rowOff>
    </xdr:from>
    <xdr:to>
      <xdr:col>15</xdr:col>
      <xdr:colOff>9525</xdr:colOff>
      <xdr:row>853</xdr:row>
      <xdr:rowOff>200025</xdr:rowOff>
    </xdr:to>
    <xdr:pic>
      <xdr:nvPicPr>
        <xdr:cNvPr id="80" name="図 79">
          <a:extLst>
            <a:ext uri="{FF2B5EF4-FFF2-40B4-BE49-F238E27FC236}">
              <a16:creationId xmlns:a16="http://schemas.microsoft.com/office/drawing/2014/main" id="{00000000-0008-0000-0000-000050000000}"/>
            </a:ext>
          </a:extLst>
        </xdr:cNvPr>
        <xdr:cNvPicPr>
          <a:picLocks noChangeAspect="1" noChangeArrowheads="1"/>
        </xdr:cNvPicPr>
      </xdr:nvPicPr>
      <xdr:blipFill>
        <a:blip xmlns:r="http://schemas.openxmlformats.org/officeDocument/2006/relationships" r:embed="rId6">
          <a:extLst>
            <a:ext uri="{28A0092B-C50C-407E-A947-70E740481C1C}">
              <a14:useLocalDpi xmlns:a14="http://schemas.microsoft.com/office/drawing/2010/main" val="0"/>
            </a:ext>
          </a:extLst>
        </a:blip>
        <a:srcRect/>
        <a:stretch>
          <a:fillRect/>
        </a:stretch>
      </xdr:blipFill>
      <xdr:spPr bwMode="auto">
        <a:xfrm>
          <a:off x="6248400" y="179050950"/>
          <a:ext cx="6172200" cy="37433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902</xdr:row>
      <xdr:rowOff>76200</xdr:rowOff>
    </xdr:from>
    <xdr:to>
      <xdr:col>15</xdr:col>
      <xdr:colOff>9525</xdr:colOff>
      <xdr:row>904</xdr:row>
      <xdr:rowOff>66675</xdr:rowOff>
    </xdr:to>
    <xdr:pic>
      <xdr:nvPicPr>
        <xdr:cNvPr id="84" name="図 83">
          <a:extLst>
            <a:ext uri="{FF2B5EF4-FFF2-40B4-BE49-F238E27FC236}">
              <a16:creationId xmlns:a16="http://schemas.microsoft.com/office/drawing/2014/main" id="{00000000-0008-0000-0000-000054000000}"/>
            </a:ext>
          </a:extLst>
        </xdr:cNvPr>
        <xdr:cNvPicPr>
          <a:picLocks noChangeAspect="1" noChangeArrowheads="1"/>
        </xdr:cNvPicPr>
      </xdr:nvPicPr>
      <xdr:blipFill>
        <a:blip xmlns:r="http://schemas.openxmlformats.org/officeDocument/2006/relationships" r:embed="rId7">
          <a:extLst>
            <a:ext uri="{28A0092B-C50C-407E-A947-70E740481C1C}">
              <a14:useLocalDpi xmlns:a14="http://schemas.microsoft.com/office/drawing/2010/main" val="0"/>
            </a:ext>
          </a:extLst>
        </a:blip>
        <a:srcRect/>
        <a:stretch>
          <a:fillRect/>
        </a:stretch>
      </xdr:blipFill>
      <xdr:spPr bwMode="auto">
        <a:xfrm>
          <a:off x="5843588" y="192309750"/>
          <a:ext cx="5786437" cy="4095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1</xdr:colOff>
      <xdr:row>923</xdr:row>
      <xdr:rowOff>47620</xdr:rowOff>
    </xdr:from>
    <xdr:to>
      <xdr:col>14</xdr:col>
      <xdr:colOff>5775001</xdr:colOff>
      <xdr:row>926</xdr:row>
      <xdr:rowOff>140515</xdr:rowOff>
    </xdr:to>
    <xdr:pic>
      <xdr:nvPicPr>
        <xdr:cNvPr id="86" name="図 85">
          <a:extLst>
            <a:ext uri="{FF2B5EF4-FFF2-40B4-BE49-F238E27FC236}">
              <a16:creationId xmlns:a16="http://schemas.microsoft.com/office/drawing/2014/main" id="{00000000-0008-0000-0000-000056000000}"/>
            </a:ext>
          </a:extLst>
        </xdr:cNvPr>
        <xdr:cNvPicPr>
          <a:picLocks noChangeAspect="1" noChangeArrowheads="1"/>
        </xdr:cNvPicPr>
      </xdr:nvPicPr>
      <xdr:blipFill>
        <a:blip xmlns:r="http://schemas.openxmlformats.org/officeDocument/2006/relationships" r:embed="rId8">
          <a:extLst>
            <a:ext uri="{28A0092B-C50C-407E-A947-70E740481C1C}">
              <a14:useLocalDpi xmlns:a14="http://schemas.microsoft.com/office/drawing/2010/main" val="0"/>
            </a:ext>
          </a:extLst>
        </a:blip>
        <a:srcRect/>
        <a:stretch>
          <a:fillRect/>
        </a:stretch>
      </xdr:blipFill>
      <xdr:spPr bwMode="auto">
        <a:xfrm>
          <a:off x="6251865" y="195102302"/>
          <a:ext cx="6156000" cy="71634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1118</xdr:row>
      <xdr:rowOff>47625</xdr:rowOff>
    </xdr:from>
    <xdr:to>
      <xdr:col>15</xdr:col>
      <xdr:colOff>9525</xdr:colOff>
      <xdr:row>1136</xdr:row>
      <xdr:rowOff>19052</xdr:rowOff>
    </xdr:to>
    <xdr:pic>
      <xdr:nvPicPr>
        <xdr:cNvPr id="100" name="図 99">
          <a:extLst>
            <a:ext uri="{FF2B5EF4-FFF2-40B4-BE49-F238E27FC236}">
              <a16:creationId xmlns:a16="http://schemas.microsoft.com/office/drawing/2014/main" id="{00000000-0008-0000-0000-000064000000}"/>
            </a:ext>
          </a:extLst>
        </xdr:cNvPr>
        <xdr:cNvPicPr>
          <a:picLocks noChangeAspect="1" noChangeArrowheads="1"/>
        </xdr:cNvPicPr>
      </xdr:nvPicPr>
      <xdr:blipFill>
        <a:blip xmlns:r="http://schemas.openxmlformats.org/officeDocument/2006/relationships" r:embed="rId9">
          <a:extLst>
            <a:ext uri="{28A0092B-C50C-407E-A947-70E740481C1C}">
              <a14:useLocalDpi xmlns:a14="http://schemas.microsoft.com/office/drawing/2010/main" val="0"/>
            </a:ext>
          </a:extLst>
        </a:blip>
        <a:srcRect/>
        <a:stretch>
          <a:fillRect/>
        </a:stretch>
      </xdr:blipFill>
      <xdr:spPr bwMode="auto">
        <a:xfrm>
          <a:off x="6248400" y="238172625"/>
          <a:ext cx="6172200" cy="37433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434</xdr:row>
      <xdr:rowOff>47625</xdr:rowOff>
    </xdr:from>
    <xdr:to>
      <xdr:col>15</xdr:col>
      <xdr:colOff>9525</xdr:colOff>
      <xdr:row>459</xdr:row>
      <xdr:rowOff>152400</xdr:rowOff>
    </xdr:to>
    <xdr:pic>
      <xdr:nvPicPr>
        <xdr:cNvPr id="115" name="図 114">
          <a:extLst>
            <a:ext uri="{FF2B5EF4-FFF2-40B4-BE49-F238E27FC236}">
              <a16:creationId xmlns:a16="http://schemas.microsoft.com/office/drawing/2014/main" id="{00000000-0008-0000-0000-000073000000}"/>
            </a:ext>
          </a:extLst>
        </xdr:cNvPr>
        <xdr:cNvPicPr>
          <a:picLocks noChangeAspect="1" noChangeArrowheads="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a:fillRect/>
        </a:stretch>
      </xdr:blipFill>
      <xdr:spPr bwMode="auto">
        <a:xfrm>
          <a:off x="6248400" y="94211775"/>
          <a:ext cx="6172200" cy="5343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554</xdr:row>
      <xdr:rowOff>47625</xdr:rowOff>
    </xdr:from>
    <xdr:to>
      <xdr:col>15</xdr:col>
      <xdr:colOff>9525</xdr:colOff>
      <xdr:row>571</xdr:row>
      <xdr:rowOff>95250</xdr:rowOff>
    </xdr:to>
    <xdr:pic>
      <xdr:nvPicPr>
        <xdr:cNvPr id="118" name="図 117">
          <a:extLst>
            <a:ext uri="{FF2B5EF4-FFF2-40B4-BE49-F238E27FC236}">
              <a16:creationId xmlns:a16="http://schemas.microsoft.com/office/drawing/2014/main" id="{00000000-0008-0000-0000-000076000000}"/>
            </a:ext>
          </a:extLst>
        </xdr:cNvPr>
        <xdr:cNvPicPr>
          <a:picLocks noChangeAspect="1" noChangeArrowheads="1"/>
        </xdr:cNvPicPr>
      </xdr:nvPicPr>
      <xdr:blipFill>
        <a:blip xmlns:r="http://schemas.openxmlformats.org/officeDocument/2006/relationships" r:embed="rId11">
          <a:extLst>
            <a:ext uri="{28A0092B-C50C-407E-A947-70E740481C1C}">
              <a14:useLocalDpi xmlns:a14="http://schemas.microsoft.com/office/drawing/2010/main" val="0"/>
            </a:ext>
          </a:extLst>
        </a:blip>
        <a:srcRect/>
        <a:stretch>
          <a:fillRect/>
        </a:stretch>
      </xdr:blipFill>
      <xdr:spPr bwMode="auto">
        <a:xfrm>
          <a:off x="6248400" y="119357775"/>
          <a:ext cx="6172200" cy="36099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572</xdr:row>
      <xdr:rowOff>47625</xdr:rowOff>
    </xdr:from>
    <xdr:to>
      <xdr:col>15</xdr:col>
      <xdr:colOff>9525</xdr:colOff>
      <xdr:row>575</xdr:row>
      <xdr:rowOff>95250</xdr:rowOff>
    </xdr:to>
    <xdr:pic>
      <xdr:nvPicPr>
        <xdr:cNvPr id="119" name="図 118">
          <a:extLst>
            <a:ext uri="{FF2B5EF4-FFF2-40B4-BE49-F238E27FC236}">
              <a16:creationId xmlns:a16="http://schemas.microsoft.com/office/drawing/2014/main" id="{00000000-0008-0000-0000-000077000000}"/>
            </a:ext>
          </a:extLst>
        </xdr:cNvPr>
        <xdr:cNvPicPr>
          <a:picLocks noChangeAspect="1" noChangeArrowheads="1"/>
        </xdr:cNvPicPr>
      </xdr:nvPicPr>
      <xdr:blipFill>
        <a:blip xmlns:r="http://schemas.openxmlformats.org/officeDocument/2006/relationships" r:embed="rId12">
          <a:extLst>
            <a:ext uri="{28A0092B-C50C-407E-A947-70E740481C1C}">
              <a14:useLocalDpi xmlns:a14="http://schemas.microsoft.com/office/drawing/2010/main" val="0"/>
            </a:ext>
          </a:extLst>
        </a:blip>
        <a:srcRect/>
        <a:stretch>
          <a:fillRect/>
        </a:stretch>
      </xdr:blipFill>
      <xdr:spPr bwMode="auto">
        <a:xfrm>
          <a:off x="6248400" y="123129675"/>
          <a:ext cx="6172200" cy="6762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576</xdr:row>
      <xdr:rowOff>19050</xdr:rowOff>
    </xdr:from>
    <xdr:to>
      <xdr:col>15</xdr:col>
      <xdr:colOff>9525</xdr:colOff>
      <xdr:row>600</xdr:row>
      <xdr:rowOff>200025</xdr:rowOff>
    </xdr:to>
    <xdr:pic>
      <xdr:nvPicPr>
        <xdr:cNvPr id="120" name="図 119">
          <a:extLst>
            <a:ext uri="{FF2B5EF4-FFF2-40B4-BE49-F238E27FC236}">
              <a16:creationId xmlns:a16="http://schemas.microsoft.com/office/drawing/2014/main" id="{00000000-0008-0000-0000-000078000000}"/>
            </a:ext>
          </a:extLst>
        </xdr:cNvPr>
        <xdr:cNvPicPr>
          <a:picLocks noChangeAspect="1" noChangeArrowheads="1"/>
        </xdr:cNvPicPr>
      </xdr:nvPicPr>
      <xdr:blipFill>
        <a:blip xmlns:r="http://schemas.openxmlformats.org/officeDocument/2006/relationships" r:embed="rId13">
          <a:extLst>
            <a:ext uri="{28A0092B-C50C-407E-A947-70E740481C1C}">
              <a14:useLocalDpi xmlns:a14="http://schemas.microsoft.com/office/drawing/2010/main" val="0"/>
            </a:ext>
          </a:extLst>
        </a:blip>
        <a:srcRect/>
        <a:stretch>
          <a:fillRect/>
        </a:stretch>
      </xdr:blipFill>
      <xdr:spPr bwMode="auto">
        <a:xfrm>
          <a:off x="6248400" y="123939300"/>
          <a:ext cx="6172200" cy="52101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648</xdr:row>
      <xdr:rowOff>47625</xdr:rowOff>
    </xdr:from>
    <xdr:to>
      <xdr:col>15</xdr:col>
      <xdr:colOff>9525</xdr:colOff>
      <xdr:row>661</xdr:row>
      <xdr:rowOff>133350</xdr:rowOff>
    </xdr:to>
    <xdr:pic>
      <xdr:nvPicPr>
        <xdr:cNvPr id="122" name="図 121">
          <a:extLst>
            <a:ext uri="{FF2B5EF4-FFF2-40B4-BE49-F238E27FC236}">
              <a16:creationId xmlns:a16="http://schemas.microsoft.com/office/drawing/2014/main" id="{00000000-0008-0000-0000-00007A000000}"/>
            </a:ext>
          </a:extLst>
        </xdr:cNvPr>
        <xdr:cNvPicPr>
          <a:picLocks noChangeAspect="1" noChangeArrowheads="1"/>
        </xdr:cNvPicPr>
      </xdr:nvPicPr>
      <xdr:blipFill>
        <a:blip xmlns:r="http://schemas.openxmlformats.org/officeDocument/2006/relationships" r:embed="rId14">
          <a:extLst>
            <a:ext uri="{28A0092B-C50C-407E-A947-70E740481C1C}">
              <a14:useLocalDpi xmlns:a14="http://schemas.microsoft.com/office/drawing/2010/main" val="0"/>
            </a:ext>
          </a:extLst>
        </a:blip>
        <a:srcRect/>
        <a:stretch>
          <a:fillRect/>
        </a:stretch>
      </xdr:blipFill>
      <xdr:spPr bwMode="auto">
        <a:xfrm>
          <a:off x="6248400" y="139055475"/>
          <a:ext cx="6172200" cy="28098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663</xdr:row>
      <xdr:rowOff>47625</xdr:rowOff>
    </xdr:from>
    <xdr:to>
      <xdr:col>15</xdr:col>
      <xdr:colOff>9525</xdr:colOff>
      <xdr:row>681</xdr:row>
      <xdr:rowOff>152400</xdr:rowOff>
    </xdr:to>
    <xdr:pic>
      <xdr:nvPicPr>
        <xdr:cNvPr id="123" name="図 122">
          <a:extLst>
            <a:ext uri="{FF2B5EF4-FFF2-40B4-BE49-F238E27FC236}">
              <a16:creationId xmlns:a16="http://schemas.microsoft.com/office/drawing/2014/main" id="{00000000-0008-0000-0000-00007B000000}"/>
            </a:ext>
          </a:extLst>
        </xdr:cNvPr>
        <xdr:cNvPicPr>
          <a:picLocks noChangeAspect="1" noChangeArrowheads="1"/>
        </xdr:cNvPicPr>
      </xdr:nvPicPr>
      <xdr:blipFill>
        <a:blip xmlns:r="http://schemas.openxmlformats.org/officeDocument/2006/relationships" r:embed="rId15">
          <a:extLst>
            <a:ext uri="{28A0092B-C50C-407E-A947-70E740481C1C}">
              <a14:useLocalDpi xmlns:a14="http://schemas.microsoft.com/office/drawing/2010/main" val="0"/>
            </a:ext>
          </a:extLst>
        </a:blip>
        <a:srcRect/>
        <a:stretch>
          <a:fillRect/>
        </a:stretch>
      </xdr:blipFill>
      <xdr:spPr bwMode="auto">
        <a:xfrm>
          <a:off x="6248400" y="142198725"/>
          <a:ext cx="6172200" cy="38766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66675</xdr:colOff>
      <xdr:row>199</xdr:row>
      <xdr:rowOff>0</xdr:rowOff>
    </xdr:from>
    <xdr:to>
      <xdr:col>13</xdr:col>
      <xdr:colOff>1</xdr:colOff>
      <xdr:row>223</xdr:row>
      <xdr:rowOff>114300</xdr:rowOff>
    </xdr:to>
    <xdr:pic>
      <xdr:nvPicPr>
        <xdr:cNvPr id="67" name="図 66">
          <a:extLst>
            <a:ext uri="{FF2B5EF4-FFF2-40B4-BE49-F238E27FC236}">
              <a16:creationId xmlns:a16="http://schemas.microsoft.com/office/drawing/2014/main" id="{00000000-0008-0000-0000-000043000000}"/>
            </a:ext>
          </a:extLst>
        </xdr:cNvPr>
        <xdr:cNvPicPr>
          <a:picLocks noChangeAspect="1" noChangeArrowheads="1"/>
        </xdr:cNvPicPr>
      </xdr:nvPicPr>
      <xdr:blipFill>
        <a:blip xmlns:r="http://schemas.openxmlformats.org/officeDocument/2006/relationships" r:embed="rId16">
          <a:extLst>
            <a:ext uri="{28A0092B-C50C-407E-A947-70E740481C1C}">
              <a14:useLocalDpi xmlns:a14="http://schemas.microsoft.com/office/drawing/2010/main" val="0"/>
            </a:ext>
          </a:extLst>
        </a:blip>
        <a:srcRect/>
        <a:stretch>
          <a:fillRect/>
        </a:stretch>
      </xdr:blipFill>
      <xdr:spPr bwMode="auto">
        <a:xfrm>
          <a:off x="66675" y="44919900"/>
          <a:ext cx="6086475" cy="51435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mc:AlternateContent xmlns:mc="http://schemas.openxmlformats.org/markup-compatibility/2006">
    <mc:Choice xmlns:a14="http://schemas.microsoft.com/office/drawing/2010/main" Requires="a14">
      <xdr:twoCellAnchor editAs="oneCell">
        <xdr:from>
          <xdr:col>14</xdr:col>
          <xdr:colOff>0</xdr:colOff>
          <xdr:row>358</xdr:row>
          <xdr:rowOff>0</xdr:rowOff>
        </xdr:from>
        <xdr:to>
          <xdr:col>15</xdr:col>
          <xdr:colOff>4763</xdr:colOff>
          <xdr:row>362</xdr:row>
          <xdr:rowOff>200025</xdr:rowOff>
        </xdr:to>
        <xdr:pic>
          <xdr:nvPicPr>
            <xdr:cNvPr id="10" name="図 9">
              <a:extLst>
                <a:ext uri="{FF2B5EF4-FFF2-40B4-BE49-F238E27FC236}">
                  <a16:creationId xmlns:a16="http://schemas.microsoft.com/office/drawing/2014/main" id="{5527FFFE-6592-BB10-29AC-0F8A67B5EBE3}"/>
                </a:ext>
              </a:extLst>
            </xdr:cNvPr>
            <xdr:cNvPicPr>
              <a:picLocks noChangeAspect="1" noChangeArrowheads="1"/>
              <a:extLst>
                <a:ext uri="{84589F7E-364E-4C9E-8A38-B11213B215E9}">
                  <a14:cameraTool cellRange="根拠法令等!$B$34" spid="_x0000_s7703"/>
                </a:ext>
              </a:extLst>
            </xdr:cNvPicPr>
          </xdr:nvPicPr>
          <xdr:blipFill>
            <a:blip xmlns:r="http://schemas.openxmlformats.org/officeDocument/2006/relationships" r:embed="rId17"/>
            <a:srcRect/>
            <a:stretch>
              <a:fillRect/>
            </a:stretch>
          </xdr:blipFill>
          <xdr:spPr bwMode="auto">
            <a:xfrm>
              <a:off x="5843588" y="78238350"/>
              <a:ext cx="5781675" cy="10382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4329</xdr:colOff>
          <xdr:row>272</xdr:row>
          <xdr:rowOff>60614</xdr:rowOff>
        </xdr:from>
        <xdr:to>
          <xdr:col>15</xdr:col>
          <xdr:colOff>5628</xdr:colOff>
          <xdr:row>276</xdr:row>
          <xdr:rowOff>62779</xdr:rowOff>
        </xdr:to>
        <xdr:pic>
          <xdr:nvPicPr>
            <xdr:cNvPr id="5" name="図 4">
              <a:extLst>
                <a:ext uri="{FF2B5EF4-FFF2-40B4-BE49-F238E27FC236}">
                  <a16:creationId xmlns:a16="http://schemas.microsoft.com/office/drawing/2014/main" id="{ED7C6FF1-DC11-9A83-D37C-7E3033B7959B}"/>
                </a:ext>
              </a:extLst>
            </xdr:cNvPr>
            <xdr:cNvPicPr>
              <a:picLocks noChangeAspect="1" noChangeArrowheads="1"/>
              <a:extLst>
                <a:ext uri="{84589F7E-364E-4C9E-8A38-B11213B215E9}">
                  <a14:cameraTool cellRange="根拠法令等!$B$19" spid="_x0000_s7704"/>
                </a:ext>
              </a:extLst>
            </xdr:cNvPicPr>
          </xdr:nvPicPr>
          <xdr:blipFill>
            <a:blip xmlns:r="http://schemas.openxmlformats.org/officeDocument/2006/relationships" r:embed="rId18"/>
            <a:srcRect/>
            <a:stretch>
              <a:fillRect/>
            </a:stretch>
          </xdr:blipFill>
          <xdr:spPr bwMode="auto">
            <a:xfrm>
              <a:off x="5853545" y="59812671"/>
              <a:ext cx="5776913" cy="833438"/>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editAs="oneCell">
    <xdr:from>
      <xdr:col>14</xdr:col>
      <xdr:colOff>0</xdr:colOff>
      <xdr:row>240</xdr:row>
      <xdr:rowOff>0</xdr:rowOff>
    </xdr:from>
    <xdr:to>
      <xdr:col>15</xdr:col>
      <xdr:colOff>4763</xdr:colOff>
      <xdr:row>268</xdr:row>
      <xdr:rowOff>95250</xdr:rowOff>
    </xdr:to>
    <xdr:pic>
      <xdr:nvPicPr>
        <xdr:cNvPr id="42" name="図 41">
          <a:extLst>
            <a:ext uri="{FF2B5EF4-FFF2-40B4-BE49-F238E27FC236}">
              <a16:creationId xmlns:a16="http://schemas.microsoft.com/office/drawing/2014/main" id="{5906D21C-85A4-AA44-3567-57FCFA10F2D3}"/>
            </a:ext>
          </a:extLst>
        </xdr:cNvPr>
        <xdr:cNvPicPr>
          <a:picLocks noChangeAspect="1" noChangeArrowheads="1"/>
        </xdr:cNvPicPr>
      </xdr:nvPicPr>
      <xdr:blipFill>
        <a:blip xmlns:r="http://schemas.openxmlformats.org/officeDocument/2006/relationships" r:embed="rId19">
          <a:extLst>
            <a:ext uri="{28A0092B-C50C-407E-A947-70E740481C1C}">
              <a14:useLocalDpi xmlns:a14="http://schemas.microsoft.com/office/drawing/2010/main" val="0"/>
            </a:ext>
          </a:extLst>
        </a:blip>
        <a:srcRect/>
        <a:stretch>
          <a:fillRect/>
        </a:stretch>
      </xdr:blipFill>
      <xdr:spPr bwMode="auto">
        <a:xfrm>
          <a:off x="5843588" y="53511450"/>
          <a:ext cx="5781675" cy="595788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8659</xdr:colOff>
      <xdr:row>276</xdr:row>
      <xdr:rowOff>69274</xdr:rowOff>
    </xdr:from>
    <xdr:to>
      <xdr:col>15</xdr:col>
      <xdr:colOff>13422</xdr:colOff>
      <xdr:row>305</xdr:row>
      <xdr:rowOff>69274</xdr:rowOff>
    </xdr:to>
    <xdr:pic>
      <xdr:nvPicPr>
        <xdr:cNvPr id="44" name="図 43">
          <a:extLst>
            <a:ext uri="{FF2B5EF4-FFF2-40B4-BE49-F238E27FC236}">
              <a16:creationId xmlns:a16="http://schemas.microsoft.com/office/drawing/2014/main" id="{EC37C2AC-EFC9-682F-103D-1263D615FAE1}"/>
            </a:ext>
          </a:extLst>
        </xdr:cNvPr>
        <xdr:cNvPicPr>
          <a:picLocks noChangeAspect="1" noChangeArrowheads="1"/>
        </xdr:cNvPicPr>
      </xdr:nvPicPr>
      <xdr:blipFill>
        <a:blip xmlns:r="http://schemas.openxmlformats.org/officeDocument/2006/relationships" r:embed="rId20">
          <a:extLst>
            <a:ext uri="{28A0092B-C50C-407E-A947-70E740481C1C}">
              <a14:useLocalDpi xmlns:a14="http://schemas.microsoft.com/office/drawing/2010/main" val="0"/>
            </a:ext>
          </a:extLst>
        </a:blip>
        <a:srcRect/>
        <a:stretch>
          <a:fillRect/>
        </a:stretch>
      </xdr:blipFill>
      <xdr:spPr bwMode="auto">
        <a:xfrm>
          <a:off x="5857875" y="60652604"/>
          <a:ext cx="5780377" cy="602672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4329</xdr:colOff>
      <xdr:row>319</xdr:row>
      <xdr:rowOff>43295</xdr:rowOff>
    </xdr:from>
    <xdr:to>
      <xdr:col>15</xdr:col>
      <xdr:colOff>9092</xdr:colOff>
      <xdr:row>341</xdr:row>
      <xdr:rowOff>81395</xdr:rowOff>
    </xdr:to>
    <xdr:pic>
      <xdr:nvPicPr>
        <xdr:cNvPr id="45" name="図 44">
          <a:extLst>
            <a:ext uri="{FF2B5EF4-FFF2-40B4-BE49-F238E27FC236}">
              <a16:creationId xmlns:a16="http://schemas.microsoft.com/office/drawing/2014/main" id="{8DE72A6A-4576-0D0C-58C3-13428C059EB9}"/>
            </a:ext>
          </a:extLst>
        </xdr:cNvPr>
        <xdr:cNvPicPr>
          <a:picLocks noChangeAspect="1" noChangeArrowheads="1"/>
        </xdr:cNvPicPr>
      </xdr:nvPicPr>
      <xdr:blipFill>
        <a:blip xmlns:r="http://schemas.openxmlformats.org/officeDocument/2006/relationships" r:embed="rId21">
          <a:extLst>
            <a:ext uri="{28A0092B-C50C-407E-A947-70E740481C1C}">
              <a14:useLocalDpi xmlns:a14="http://schemas.microsoft.com/office/drawing/2010/main" val="0"/>
            </a:ext>
          </a:extLst>
        </a:blip>
        <a:srcRect/>
        <a:stretch>
          <a:fillRect/>
        </a:stretch>
      </xdr:blipFill>
      <xdr:spPr bwMode="auto">
        <a:xfrm>
          <a:off x="5853545" y="69562807"/>
          <a:ext cx="5780377" cy="46101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460</xdr:row>
      <xdr:rowOff>60614</xdr:rowOff>
    </xdr:from>
    <xdr:to>
      <xdr:col>15</xdr:col>
      <xdr:colOff>4763</xdr:colOff>
      <xdr:row>482</xdr:row>
      <xdr:rowOff>98714</xdr:rowOff>
    </xdr:to>
    <xdr:pic>
      <xdr:nvPicPr>
        <xdr:cNvPr id="46" name="図 45">
          <a:extLst>
            <a:ext uri="{FF2B5EF4-FFF2-40B4-BE49-F238E27FC236}">
              <a16:creationId xmlns:a16="http://schemas.microsoft.com/office/drawing/2014/main" id="{3A29687B-2B50-BDE5-6A22-45058DAE3AAC}"/>
            </a:ext>
          </a:extLst>
        </xdr:cNvPr>
        <xdr:cNvPicPr>
          <a:picLocks noChangeAspect="1" noChangeArrowheads="1"/>
        </xdr:cNvPicPr>
      </xdr:nvPicPr>
      <xdr:blipFill>
        <a:blip xmlns:r="http://schemas.openxmlformats.org/officeDocument/2006/relationships" r:embed="rId22">
          <a:extLst>
            <a:ext uri="{28A0092B-C50C-407E-A947-70E740481C1C}">
              <a14:useLocalDpi xmlns:a14="http://schemas.microsoft.com/office/drawing/2010/main" val="0"/>
            </a:ext>
          </a:extLst>
        </a:blip>
        <a:srcRect/>
        <a:stretch>
          <a:fillRect/>
        </a:stretch>
      </xdr:blipFill>
      <xdr:spPr bwMode="auto">
        <a:xfrm>
          <a:off x="5849216" y="98882489"/>
          <a:ext cx="5780377" cy="46101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4329</xdr:colOff>
      <xdr:row>601</xdr:row>
      <xdr:rowOff>64944</xdr:rowOff>
    </xdr:from>
    <xdr:to>
      <xdr:col>15</xdr:col>
      <xdr:colOff>9092</xdr:colOff>
      <xdr:row>640</xdr:row>
      <xdr:rowOff>112569</xdr:rowOff>
    </xdr:to>
    <xdr:pic>
      <xdr:nvPicPr>
        <xdr:cNvPr id="47" name="図 46">
          <a:extLst>
            <a:ext uri="{FF2B5EF4-FFF2-40B4-BE49-F238E27FC236}">
              <a16:creationId xmlns:a16="http://schemas.microsoft.com/office/drawing/2014/main" id="{3CBE16F4-A0F9-6816-2080-F3D98B7ED824}"/>
            </a:ext>
          </a:extLst>
        </xdr:cNvPr>
        <xdr:cNvPicPr>
          <a:picLocks noChangeAspect="1" noChangeArrowheads="1"/>
        </xdr:cNvPicPr>
      </xdr:nvPicPr>
      <xdr:blipFill>
        <a:blip xmlns:r="http://schemas.openxmlformats.org/officeDocument/2006/relationships" r:embed="rId23">
          <a:extLst>
            <a:ext uri="{28A0092B-C50C-407E-A947-70E740481C1C}">
              <a14:useLocalDpi xmlns:a14="http://schemas.microsoft.com/office/drawing/2010/main" val="0"/>
            </a:ext>
          </a:extLst>
        </a:blip>
        <a:srcRect/>
        <a:stretch>
          <a:fillRect/>
        </a:stretch>
      </xdr:blipFill>
      <xdr:spPr bwMode="auto">
        <a:xfrm>
          <a:off x="5853545" y="128189183"/>
          <a:ext cx="5780377" cy="815253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4330</xdr:colOff>
      <xdr:row>854</xdr:row>
      <xdr:rowOff>51955</xdr:rowOff>
    </xdr:from>
    <xdr:to>
      <xdr:col>15</xdr:col>
      <xdr:colOff>9093</xdr:colOff>
      <xdr:row>879</xdr:row>
      <xdr:rowOff>175780</xdr:rowOff>
    </xdr:to>
    <xdr:pic>
      <xdr:nvPicPr>
        <xdr:cNvPr id="52" name="図 51">
          <a:extLst>
            <a:ext uri="{FF2B5EF4-FFF2-40B4-BE49-F238E27FC236}">
              <a16:creationId xmlns:a16="http://schemas.microsoft.com/office/drawing/2014/main" id="{0EE673E8-9037-9C11-0783-B6AFD925DC11}"/>
            </a:ext>
          </a:extLst>
        </xdr:cNvPr>
        <xdr:cNvPicPr>
          <a:picLocks noChangeAspect="1" noChangeArrowheads="1"/>
        </xdr:cNvPicPr>
      </xdr:nvPicPr>
      <xdr:blipFill>
        <a:blip xmlns:r="http://schemas.openxmlformats.org/officeDocument/2006/relationships" r:embed="rId24">
          <a:extLst>
            <a:ext uri="{28A0092B-C50C-407E-A947-70E740481C1C}">
              <a14:useLocalDpi xmlns:a14="http://schemas.microsoft.com/office/drawing/2010/main" val="0"/>
            </a:ext>
          </a:extLst>
        </a:blip>
        <a:srcRect/>
        <a:stretch>
          <a:fillRect/>
        </a:stretch>
      </xdr:blipFill>
      <xdr:spPr bwMode="auto">
        <a:xfrm>
          <a:off x="5853546" y="180754194"/>
          <a:ext cx="5780377" cy="53192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8660</xdr:colOff>
      <xdr:row>894</xdr:row>
      <xdr:rowOff>51955</xdr:rowOff>
    </xdr:from>
    <xdr:to>
      <xdr:col>15</xdr:col>
      <xdr:colOff>13423</xdr:colOff>
      <xdr:row>898</xdr:row>
      <xdr:rowOff>171018</xdr:rowOff>
    </xdr:to>
    <xdr:pic>
      <xdr:nvPicPr>
        <xdr:cNvPr id="54" name="図 53">
          <a:extLst>
            <a:ext uri="{FF2B5EF4-FFF2-40B4-BE49-F238E27FC236}">
              <a16:creationId xmlns:a16="http://schemas.microsoft.com/office/drawing/2014/main" id="{BAD06F97-647B-7B0F-4407-A4DFC5AEC8EA}"/>
            </a:ext>
          </a:extLst>
        </xdr:cNvPr>
        <xdr:cNvPicPr>
          <a:picLocks noChangeAspect="1" noChangeArrowheads="1"/>
        </xdr:cNvPicPr>
      </xdr:nvPicPr>
      <xdr:blipFill>
        <a:blip xmlns:r="http://schemas.openxmlformats.org/officeDocument/2006/relationships" r:embed="rId25">
          <a:extLst>
            <a:ext uri="{28A0092B-C50C-407E-A947-70E740481C1C}">
              <a14:useLocalDpi xmlns:a14="http://schemas.microsoft.com/office/drawing/2010/main" val="0"/>
            </a:ext>
          </a:extLst>
        </a:blip>
        <a:srcRect/>
        <a:stretch>
          <a:fillRect/>
        </a:stretch>
      </xdr:blipFill>
      <xdr:spPr bwMode="auto">
        <a:xfrm>
          <a:off x="5857876" y="189066921"/>
          <a:ext cx="5780377" cy="95033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4330</xdr:colOff>
      <xdr:row>907</xdr:row>
      <xdr:rowOff>51955</xdr:rowOff>
    </xdr:from>
    <xdr:to>
      <xdr:col>15</xdr:col>
      <xdr:colOff>9093</xdr:colOff>
      <xdr:row>918</xdr:row>
      <xdr:rowOff>132918</xdr:rowOff>
    </xdr:to>
    <xdr:pic>
      <xdr:nvPicPr>
        <xdr:cNvPr id="55" name="図 54">
          <a:extLst>
            <a:ext uri="{FF2B5EF4-FFF2-40B4-BE49-F238E27FC236}">
              <a16:creationId xmlns:a16="http://schemas.microsoft.com/office/drawing/2014/main" id="{B7D1B0D7-591A-6412-8228-11221F921222}"/>
            </a:ext>
          </a:extLst>
        </xdr:cNvPr>
        <xdr:cNvPicPr>
          <a:picLocks noChangeAspect="1" noChangeArrowheads="1"/>
        </xdr:cNvPicPr>
      </xdr:nvPicPr>
      <xdr:blipFill>
        <a:blip xmlns:r="http://schemas.openxmlformats.org/officeDocument/2006/relationships" r:embed="rId26">
          <a:extLst>
            <a:ext uri="{28A0092B-C50C-407E-A947-70E740481C1C}">
              <a14:useLocalDpi xmlns:a14="http://schemas.microsoft.com/office/drawing/2010/main" val="0"/>
            </a:ext>
          </a:extLst>
        </a:blip>
        <a:srcRect/>
        <a:stretch>
          <a:fillRect/>
        </a:stretch>
      </xdr:blipFill>
      <xdr:spPr bwMode="auto">
        <a:xfrm>
          <a:off x="5853546" y="191768558"/>
          <a:ext cx="5780377" cy="236696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3</xdr:col>
      <xdr:colOff>34636</xdr:colOff>
      <xdr:row>132</xdr:row>
      <xdr:rowOff>207817</xdr:rowOff>
    </xdr:from>
    <xdr:to>
      <xdr:col>14</xdr:col>
      <xdr:colOff>5774999</xdr:colOff>
      <xdr:row>140</xdr:row>
      <xdr:rowOff>137342</xdr:rowOff>
    </xdr:to>
    <xdr:pic>
      <xdr:nvPicPr>
        <xdr:cNvPr id="3" name="図 2">
          <a:extLst>
            <a:ext uri="{FF2B5EF4-FFF2-40B4-BE49-F238E27FC236}">
              <a16:creationId xmlns:a16="http://schemas.microsoft.com/office/drawing/2014/main" id="{53CB8BE4-BBE0-94C9-F2C1-89FAA3C09BB0}"/>
            </a:ext>
          </a:extLst>
        </xdr:cNvPr>
        <xdr:cNvPicPr>
          <a:picLocks noChangeAspect="1" noChangeArrowheads="1"/>
        </xdr:cNvPicPr>
      </xdr:nvPicPr>
      <xdr:blipFill>
        <a:blip xmlns:r="http://schemas.openxmlformats.org/officeDocument/2006/relationships" r:embed="rId27">
          <a:extLst>
            <a:ext uri="{28A0092B-C50C-407E-A947-70E740481C1C}">
              <a14:useLocalDpi xmlns:a14="http://schemas.microsoft.com/office/drawing/2010/main" val="0"/>
            </a:ext>
          </a:extLst>
        </a:blip>
        <a:srcRect/>
        <a:stretch>
          <a:fillRect/>
        </a:stretch>
      </xdr:blipFill>
      <xdr:spPr bwMode="auto">
        <a:xfrm>
          <a:off x="6251863" y="30869658"/>
          <a:ext cx="6156000" cy="159207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17318</xdr:colOff>
      <xdr:row>179</xdr:row>
      <xdr:rowOff>25978</xdr:rowOff>
    </xdr:from>
    <xdr:to>
      <xdr:col>15</xdr:col>
      <xdr:colOff>25978</xdr:colOff>
      <xdr:row>220</xdr:row>
      <xdr:rowOff>111702</xdr:rowOff>
    </xdr:to>
    <xdr:pic>
      <xdr:nvPicPr>
        <xdr:cNvPr id="4" name="図 3">
          <a:extLst>
            <a:ext uri="{FF2B5EF4-FFF2-40B4-BE49-F238E27FC236}">
              <a16:creationId xmlns:a16="http://schemas.microsoft.com/office/drawing/2014/main" id="{A9ED4A5B-379B-B111-2B4F-3E8F44AB7A68}"/>
            </a:ext>
          </a:extLst>
        </xdr:cNvPr>
        <xdr:cNvPicPr>
          <a:picLocks noChangeAspect="1" noChangeArrowheads="1"/>
        </xdr:cNvPicPr>
      </xdr:nvPicPr>
      <xdr:blipFill>
        <a:blip xmlns:r="http://schemas.openxmlformats.org/officeDocument/2006/relationships" r:embed="rId28">
          <a:extLst>
            <a:ext uri="{28A0092B-C50C-407E-A947-70E740481C1C}">
              <a14:useLocalDpi xmlns:a14="http://schemas.microsoft.com/office/drawing/2010/main" val="0"/>
            </a:ext>
          </a:extLst>
        </a:blip>
        <a:srcRect/>
        <a:stretch>
          <a:fillRect/>
        </a:stretch>
      </xdr:blipFill>
      <xdr:spPr bwMode="auto">
        <a:xfrm>
          <a:off x="6269182" y="40455273"/>
          <a:ext cx="6173932" cy="860627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8658</xdr:colOff>
      <xdr:row>414</xdr:row>
      <xdr:rowOff>34637</xdr:rowOff>
    </xdr:from>
    <xdr:to>
      <xdr:col>15</xdr:col>
      <xdr:colOff>22514</xdr:colOff>
      <xdr:row>433</xdr:row>
      <xdr:rowOff>63211</xdr:rowOff>
    </xdr:to>
    <xdr:pic>
      <xdr:nvPicPr>
        <xdr:cNvPr id="6" name="図 5">
          <a:extLst>
            <a:ext uri="{FF2B5EF4-FFF2-40B4-BE49-F238E27FC236}">
              <a16:creationId xmlns:a16="http://schemas.microsoft.com/office/drawing/2014/main" id="{10E97F27-7F18-D2E7-42A7-FA583D688F25}"/>
            </a:ext>
          </a:extLst>
        </xdr:cNvPr>
        <xdr:cNvPicPr>
          <a:picLocks noChangeAspect="1" noChangeArrowheads="1"/>
        </xdr:cNvPicPr>
      </xdr:nvPicPr>
      <xdr:blipFill>
        <a:blip xmlns:r="http://schemas.openxmlformats.org/officeDocument/2006/relationships" r:embed="rId29">
          <a:extLst>
            <a:ext uri="{28A0092B-C50C-407E-A947-70E740481C1C}">
              <a14:useLocalDpi xmlns:a14="http://schemas.microsoft.com/office/drawing/2010/main" val="0"/>
            </a:ext>
          </a:extLst>
        </a:blip>
        <a:srcRect/>
        <a:stretch>
          <a:fillRect/>
        </a:stretch>
      </xdr:blipFill>
      <xdr:spPr bwMode="auto">
        <a:xfrm>
          <a:off x="6260522" y="89309864"/>
          <a:ext cx="6179128" cy="39771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695</xdr:row>
      <xdr:rowOff>112568</xdr:rowOff>
    </xdr:from>
    <xdr:to>
      <xdr:col>15</xdr:col>
      <xdr:colOff>1731</xdr:colOff>
      <xdr:row>721</xdr:row>
      <xdr:rowOff>141143</xdr:rowOff>
    </xdr:to>
    <xdr:pic>
      <xdr:nvPicPr>
        <xdr:cNvPr id="8" name="図 7">
          <a:extLst>
            <a:ext uri="{FF2B5EF4-FFF2-40B4-BE49-F238E27FC236}">
              <a16:creationId xmlns:a16="http://schemas.microsoft.com/office/drawing/2014/main" id="{3BCD8743-B403-8C45-10C2-032520D71777}"/>
            </a:ext>
          </a:extLst>
        </xdr:cNvPr>
        <xdr:cNvPicPr>
          <a:picLocks noChangeAspect="1" noChangeArrowheads="1"/>
        </xdr:cNvPicPr>
      </xdr:nvPicPr>
      <xdr:blipFill>
        <a:blip xmlns:r="http://schemas.openxmlformats.org/officeDocument/2006/relationships" r:embed="rId30">
          <a:extLst>
            <a:ext uri="{28A0092B-C50C-407E-A947-70E740481C1C}">
              <a14:useLocalDpi xmlns:a14="http://schemas.microsoft.com/office/drawing/2010/main" val="0"/>
            </a:ext>
          </a:extLst>
        </a:blip>
        <a:srcRect/>
        <a:stretch>
          <a:fillRect/>
        </a:stretch>
      </xdr:blipFill>
      <xdr:spPr bwMode="auto">
        <a:xfrm>
          <a:off x="6251864" y="147784704"/>
          <a:ext cx="6158345" cy="543184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3</xdr:col>
      <xdr:colOff>25976</xdr:colOff>
      <xdr:row>742</xdr:row>
      <xdr:rowOff>60613</xdr:rowOff>
    </xdr:from>
    <xdr:to>
      <xdr:col>15</xdr:col>
      <xdr:colOff>6926</xdr:colOff>
      <xdr:row>769</xdr:row>
      <xdr:rowOff>181841</xdr:rowOff>
    </xdr:to>
    <xdr:pic>
      <xdr:nvPicPr>
        <xdr:cNvPr id="11" name="図 10">
          <a:extLst>
            <a:ext uri="{FF2B5EF4-FFF2-40B4-BE49-F238E27FC236}">
              <a16:creationId xmlns:a16="http://schemas.microsoft.com/office/drawing/2014/main" id="{72ED8B1D-60DD-44F7-25D7-7497DEDA910F}"/>
            </a:ext>
          </a:extLst>
        </xdr:cNvPr>
        <xdr:cNvPicPr>
          <a:picLocks noChangeAspect="1" noChangeArrowheads="1"/>
        </xdr:cNvPicPr>
      </xdr:nvPicPr>
      <xdr:blipFill>
        <a:blip xmlns:r="http://schemas.openxmlformats.org/officeDocument/2006/relationships" r:embed="rId31">
          <a:extLst>
            <a:ext uri="{28A0092B-C50C-407E-A947-70E740481C1C}">
              <a14:useLocalDpi xmlns:a14="http://schemas.microsoft.com/office/drawing/2010/main" val="0"/>
            </a:ext>
          </a:extLst>
        </a:blip>
        <a:srcRect/>
        <a:stretch>
          <a:fillRect/>
        </a:stretch>
      </xdr:blipFill>
      <xdr:spPr bwMode="auto">
        <a:xfrm>
          <a:off x="6243203" y="157500204"/>
          <a:ext cx="6180859" cy="573231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17320</xdr:colOff>
      <xdr:row>789</xdr:row>
      <xdr:rowOff>51956</xdr:rowOff>
    </xdr:from>
    <xdr:to>
      <xdr:col>14</xdr:col>
      <xdr:colOff>5775370</xdr:colOff>
      <xdr:row>835</xdr:row>
      <xdr:rowOff>175098</xdr:rowOff>
    </xdr:to>
    <xdr:pic>
      <xdr:nvPicPr>
        <xdr:cNvPr id="12" name="図 11">
          <a:extLst>
            <a:ext uri="{FF2B5EF4-FFF2-40B4-BE49-F238E27FC236}">
              <a16:creationId xmlns:a16="http://schemas.microsoft.com/office/drawing/2014/main" id="{8EEE9D27-A802-D6B8-E437-52D4FAEB0129}"/>
            </a:ext>
          </a:extLst>
        </xdr:cNvPr>
        <xdr:cNvPicPr>
          <a:picLocks noChangeAspect="1" noChangeArrowheads="1"/>
        </xdr:cNvPicPr>
      </xdr:nvPicPr>
      <xdr:blipFill>
        <a:blip xmlns:r="http://schemas.openxmlformats.org/officeDocument/2006/relationships" r:embed="rId32">
          <a:extLst>
            <a:ext uri="{28A0092B-C50C-407E-A947-70E740481C1C}">
              <a14:useLocalDpi xmlns:a14="http://schemas.microsoft.com/office/drawing/2010/main" val="0"/>
            </a:ext>
          </a:extLst>
        </a:blip>
        <a:srcRect/>
        <a:stretch>
          <a:fillRect/>
        </a:stretch>
      </xdr:blipFill>
      <xdr:spPr bwMode="auto">
        <a:xfrm>
          <a:off x="6269184" y="167259001"/>
          <a:ext cx="6120000" cy="968277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8659</xdr:colOff>
      <xdr:row>977</xdr:row>
      <xdr:rowOff>43296</xdr:rowOff>
    </xdr:from>
    <xdr:to>
      <xdr:col>15</xdr:col>
      <xdr:colOff>17319</xdr:colOff>
      <xdr:row>1023</xdr:row>
      <xdr:rowOff>148071</xdr:rowOff>
    </xdr:to>
    <xdr:pic>
      <xdr:nvPicPr>
        <xdr:cNvPr id="13" name="図 12">
          <a:extLst>
            <a:ext uri="{FF2B5EF4-FFF2-40B4-BE49-F238E27FC236}">
              <a16:creationId xmlns:a16="http://schemas.microsoft.com/office/drawing/2014/main" id="{0C18D44E-741C-0F1B-2962-F0B6977F54C3}"/>
            </a:ext>
          </a:extLst>
        </xdr:cNvPr>
        <xdr:cNvPicPr>
          <a:picLocks noChangeAspect="1" noChangeArrowheads="1"/>
        </xdr:cNvPicPr>
      </xdr:nvPicPr>
      <xdr:blipFill>
        <a:blip xmlns:r="http://schemas.openxmlformats.org/officeDocument/2006/relationships" r:embed="rId33">
          <a:extLst>
            <a:ext uri="{28A0092B-C50C-407E-A947-70E740481C1C}">
              <a14:useLocalDpi xmlns:a14="http://schemas.microsoft.com/office/drawing/2010/main" val="0"/>
            </a:ext>
          </a:extLst>
        </a:blip>
        <a:srcRect/>
        <a:stretch>
          <a:fillRect/>
        </a:stretch>
      </xdr:blipFill>
      <xdr:spPr bwMode="auto">
        <a:xfrm>
          <a:off x="6260523" y="206320160"/>
          <a:ext cx="6173932" cy="966441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3</xdr:col>
      <xdr:colOff>25977</xdr:colOff>
      <xdr:row>344</xdr:row>
      <xdr:rowOff>121227</xdr:rowOff>
    </xdr:from>
    <xdr:to>
      <xdr:col>15</xdr:col>
      <xdr:colOff>3464</xdr:colOff>
      <xdr:row>352</xdr:row>
      <xdr:rowOff>56285</xdr:rowOff>
    </xdr:to>
    <xdr:pic>
      <xdr:nvPicPr>
        <xdr:cNvPr id="7" name="図 6">
          <a:extLst>
            <a:ext uri="{FF2B5EF4-FFF2-40B4-BE49-F238E27FC236}">
              <a16:creationId xmlns:a16="http://schemas.microsoft.com/office/drawing/2014/main" id="{8A9E2133-DD38-5085-43EB-086C7A9D767B}"/>
            </a:ext>
          </a:extLst>
        </xdr:cNvPr>
        <xdr:cNvPicPr>
          <a:picLocks noChangeAspect="1" noChangeArrowheads="1"/>
        </xdr:cNvPicPr>
      </xdr:nvPicPr>
      <xdr:blipFill>
        <a:blip xmlns:r="http://schemas.openxmlformats.org/officeDocument/2006/relationships" r:embed="rId34">
          <a:extLst>
            <a:ext uri="{28A0092B-C50C-407E-A947-70E740481C1C}">
              <a14:useLocalDpi xmlns:a14="http://schemas.microsoft.com/office/drawing/2010/main" val="0"/>
            </a:ext>
          </a:extLst>
        </a:blip>
        <a:srcRect/>
        <a:stretch>
          <a:fillRect/>
        </a:stretch>
      </xdr:blipFill>
      <xdr:spPr bwMode="auto">
        <a:xfrm>
          <a:off x="6243204" y="74849182"/>
          <a:ext cx="6177396" cy="159760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1025</xdr:row>
      <xdr:rowOff>199176</xdr:rowOff>
    </xdr:from>
    <xdr:to>
      <xdr:col>15</xdr:col>
      <xdr:colOff>6928</xdr:colOff>
      <xdr:row>1055</xdr:row>
      <xdr:rowOff>58033</xdr:rowOff>
    </xdr:to>
    <xdr:pic>
      <xdr:nvPicPr>
        <xdr:cNvPr id="14" name="図 13">
          <a:extLst>
            <a:ext uri="{FF2B5EF4-FFF2-40B4-BE49-F238E27FC236}">
              <a16:creationId xmlns:a16="http://schemas.microsoft.com/office/drawing/2014/main" id="{26C6E097-25E1-EE29-A016-C821BB513A06}"/>
            </a:ext>
          </a:extLst>
        </xdr:cNvPr>
        <xdr:cNvPicPr>
          <a:picLocks noChangeAspect="1" noChangeArrowheads="1"/>
        </xdr:cNvPicPr>
      </xdr:nvPicPr>
      <xdr:blipFill>
        <a:blip xmlns:r="http://schemas.openxmlformats.org/officeDocument/2006/relationships" r:embed="rId35">
          <a:extLst>
            <a:ext uri="{28A0092B-C50C-407E-A947-70E740481C1C}">
              <a14:useLocalDpi xmlns:a14="http://schemas.microsoft.com/office/drawing/2010/main" val="0"/>
            </a:ext>
          </a:extLst>
        </a:blip>
        <a:srcRect/>
        <a:stretch>
          <a:fillRect/>
        </a:stretch>
      </xdr:blipFill>
      <xdr:spPr bwMode="auto">
        <a:xfrm>
          <a:off x="5849216" y="216438324"/>
          <a:ext cx="5782542" cy="609340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3</xdr:col>
      <xdr:colOff>34636</xdr:colOff>
      <xdr:row>1071</xdr:row>
      <xdr:rowOff>60614</xdr:rowOff>
    </xdr:from>
    <xdr:to>
      <xdr:col>15</xdr:col>
      <xdr:colOff>12123</xdr:colOff>
      <xdr:row>1117</xdr:row>
      <xdr:rowOff>155863</xdr:rowOff>
    </xdr:to>
    <xdr:pic>
      <xdr:nvPicPr>
        <xdr:cNvPr id="15" name="図 14">
          <a:extLst>
            <a:ext uri="{FF2B5EF4-FFF2-40B4-BE49-F238E27FC236}">
              <a16:creationId xmlns:a16="http://schemas.microsoft.com/office/drawing/2014/main" id="{919C3392-A5CA-D9BC-ADD7-35EEC81D7FA7}"/>
            </a:ext>
          </a:extLst>
        </xdr:cNvPr>
        <xdr:cNvPicPr>
          <a:picLocks noChangeAspect="1" noChangeArrowheads="1"/>
        </xdr:cNvPicPr>
      </xdr:nvPicPr>
      <xdr:blipFill>
        <a:blip xmlns:r="http://schemas.openxmlformats.org/officeDocument/2006/relationships" r:embed="rId36">
          <a:extLst>
            <a:ext uri="{28A0092B-C50C-407E-A947-70E740481C1C}">
              <a14:useLocalDpi xmlns:a14="http://schemas.microsoft.com/office/drawing/2010/main" val="0"/>
            </a:ext>
          </a:extLst>
        </a:blip>
        <a:srcRect/>
        <a:stretch>
          <a:fillRect/>
        </a:stretch>
      </xdr:blipFill>
      <xdr:spPr bwMode="auto">
        <a:xfrm>
          <a:off x="6251863" y="235639841"/>
          <a:ext cx="6177396" cy="965488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8660</xdr:colOff>
      <xdr:row>1136</xdr:row>
      <xdr:rowOff>60613</xdr:rowOff>
    </xdr:from>
    <xdr:to>
      <xdr:col>15</xdr:col>
      <xdr:colOff>20784</xdr:colOff>
      <xdr:row>1164</xdr:row>
      <xdr:rowOff>164523</xdr:rowOff>
    </xdr:to>
    <xdr:pic>
      <xdr:nvPicPr>
        <xdr:cNvPr id="16" name="図 15">
          <a:extLst>
            <a:ext uri="{FF2B5EF4-FFF2-40B4-BE49-F238E27FC236}">
              <a16:creationId xmlns:a16="http://schemas.microsoft.com/office/drawing/2014/main" id="{1862776B-6725-1371-406D-31DFE0194E50}"/>
            </a:ext>
          </a:extLst>
        </xdr:cNvPr>
        <xdr:cNvPicPr>
          <a:picLocks noChangeAspect="1" noChangeArrowheads="1"/>
        </xdr:cNvPicPr>
      </xdr:nvPicPr>
      <xdr:blipFill>
        <a:blip xmlns:r="http://schemas.openxmlformats.org/officeDocument/2006/relationships" r:embed="rId37">
          <a:extLst>
            <a:ext uri="{28A0092B-C50C-407E-A947-70E740481C1C}">
              <a14:useLocalDpi xmlns:a14="http://schemas.microsoft.com/office/drawing/2010/main" val="0"/>
            </a:ext>
          </a:extLst>
        </a:blip>
        <a:srcRect/>
        <a:stretch>
          <a:fillRect/>
        </a:stretch>
      </xdr:blipFill>
      <xdr:spPr bwMode="auto">
        <a:xfrm>
          <a:off x="6260524" y="249148022"/>
          <a:ext cx="6177396" cy="592281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17318</xdr:colOff>
      <xdr:row>1212</xdr:row>
      <xdr:rowOff>60614</xdr:rowOff>
    </xdr:from>
    <xdr:to>
      <xdr:col>15</xdr:col>
      <xdr:colOff>29442</xdr:colOff>
      <xdr:row>1258</xdr:row>
      <xdr:rowOff>165388</xdr:rowOff>
    </xdr:to>
    <xdr:pic>
      <xdr:nvPicPr>
        <xdr:cNvPr id="17" name="図 16">
          <a:extLst>
            <a:ext uri="{FF2B5EF4-FFF2-40B4-BE49-F238E27FC236}">
              <a16:creationId xmlns:a16="http://schemas.microsoft.com/office/drawing/2014/main" id="{F4C48646-7564-C58D-816C-AC0334DBEC4A}"/>
            </a:ext>
          </a:extLst>
        </xdr:cNvPr>
        <xdr:cNvPicPr>
          <a:picLocks noChangeAspect="1" noChangeArrowheads="1"/>
        </xdr:cNvPicPr>
      </xdr:nvPicPr>
      <xdr:blipFill>
        <a:blip xmlns:r="http://schemas.openxmlformats.org/officeDocument/2006/relationships" r:embed="rId38">
          <a:extLst>
            <a:ext uri="{28A0092B-C50C-407E-A947-70E740481C1C}">
              <a14:useLocalDpi xmlns:a14="http://schemas.microsoft.com/office/drawing/2010/main" val="0"/>
            </a:ext>
          </a:extLst>
        </a:blip>
        <a:srcRect/>
        <a:stretch>
          <a:fillRect/>
        </a:stretch>
      </xdr:blipFill>
      <xdr:spPr bwMode="auto">
        <a:xfrm>
          <a:off x="6269182" y="255174750"/>
          <a:ext cx="6177396" cy="966441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8660</xdr:colOff>
      <xdr:row>352</xdr:row>
      <xdr:rowOff>190501</xdr:rowOff>
    </xdr:from>
    <xdr:to>
      <xdr:col>15</xdr:col>
      <xdr:colOff>10393</xdr:colOff>
      <xdr:row>357</xdr:row>
      <xdr:rowOff>87458</xdr:rowOff>
    </xdr:to>
    <xdr:pic>
      <xdr:nvPicPr>
        <xdr:cNvPr id="18" name="図 17">
          <a:extLst>
            <a:ext uri="{FF2B5EF4-FFF2-40B4-BE49-F238E27FC236}">
              <a16:creationId xmlns:a16="http://schemas.microsoft.com/office/drawing/2014/main" id="{BFBBFDBB-F3FB-DE5A-E775-7517700FD8C3}"/>
            </a:ext>
          </a:extLst>
        </xdr:cNvPr>
        <xdr:cNvPicPr>
          <a:picLocks noChangeAspect="1" noChangeArrowheads="1"/>
        </xdr:cNvPicPr>
      </xdr:nvPicPr>
      <xdr:blipFill>
        <a:blip xmlns:r="http://schemas.openxmlformats.org/officeDocument/2006/relationships" r:embed="rId39">
          <a:extLst>
            <a:ext uri="{28A0092B-C50C-407E-A947-70E740481C1C}">
              <a14:useLocalDpi xmlns:a14="http://schemas.microsoft.com/office/drawing/2010/main" val="0"/>
            </a:ext>
          </a:extLst>
        </a:blip>
        <a:srcRect/>
        <a:stretch>
          <a:fillRect/>
        </a:stretch>
      </xdr:blipFill>
      <xdr:spPr bwMode="auto">
        <a:xfrm>
          <a:off x="6260524" y="76581001"/>
          <a:ext cx="6167005" cy="93604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8658</xdr:colOff>
      <xdr:row>507</xdr:row>
      <xdr:rowOff>86590</xdr:rowOff>
    </xdr:from>
    <xdr:to>
      <xdr:col>15</xdr:col>
      <xdr:colOff>20782</xdr:colOff>
      <xdr:row>534</xdr:row>
      <xdr:rowOff>40697</xdr:rowOff>
    </xdr:to>
    <xdr:pic>
      <xdr:nvPicPr>
        <xdr:cNvPr id="19" name="図 18">
          <a:extLst>
            <a:ext uri="{FF2B5EF4-FFF2-40B4-BE49-F238E27FC236}">
              <a16:creationId xmlns:a16="http://schemas.microsoft.com/office/drawing/2014/main" id="{D7FD26FB-6C50-C6E6-C7CC-47C8FAF6B123}"/>
            </a:ext>
          </a:extLst>
        </xdr:cNvPr>
        <xdr:cNvPicPr>
          <a:picLocks noChangeAspect="1" noChangeArrowheads="1"/>
        </xdr:cNvPicPr>
      </xdr:nvPicPr>
      <xdr:blipFill>
        <a:blip xmlns:r="http://schemas.openxmlformats.org/officeDocument/2006/relationships" r:embed="rId40">
          <a:extLst>
            <a:ext uri="{28A0092B-C50C-407E-A947-70E740481C1C}">
              <a14:useLocalDpi xmlns:a14="http://schemas.microsoft.com/office/drawing/2010/main" val="0"/>
            </a:ext>
          </a:extLst>
        </a:blip>
        <a:srcRect/>
        <a:stretch>
          <a:fillRect/>
        </a:stretch>
      </xdr:blipFill>
      <xdr:spPr bwMode="auto">
        <a:xfrm>
          <a:off x="6260522" y="108688908"/>
          <a:ext cx="6177396" cy="556519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225</xdr:row>
      <xdr:rowOff>56290</xdr:rowOff>
    </xdr:from>
    <xdr:to>
      <xdr:col>15</xdr:col>
      <xdr:colOff>4763</xdr:colOff>
      <xdr:row>238</xdr:row>
      <xdr:rowOff>90921</xdr:rowOff>
    </xdr:to>
    <xdr:pic>
      <xdr:nvPicPr>
        <xdr:cNvPr id="9" name="図 8">
          <a:extLst>
            <a:ext uri="{FF2B5EF4-FFF2-40B4-BE49-F238E27FC236}">
              <a16:creationId xmlns:a16="http://schemas.microsoft.com/office/drawing/2014/main" id="{50F533DE-457F-5256-1300-45A9C809C987}"/>
            </a:ext>
          </a:extLst>
        </xdr:cNvPr>
        <xdr:cNvPicPr>
          <a:picLocks noChangeAspect="1" noChangeArrowheads="1"/>
        </xdr:cNvPicPr>
      </xdr:nvPicPr>
      <xdr:blipFill>
        <a:blip xmlns:r="http://schemas.openxmlformats.org/officeDocument/2006/relationships" r:embed="rId41">
          <a:extLst>
            <a:ext uri="{28A0092B-C50C-407E-A947-70E740481C1C}">
              <a14:useLocalDpi xmlns:a14="http://schemas.microsoft.com/office/drawing/2010/main" val="0"/>
            </a:ext>
          </a:extLst>
        </a:blip>
        <a:srcRect/>
        <a:stretch>
          <a:fillRect/>
        </a:stretch>
      </xdr:blipFill>
      <xdr:spPr bwMode="auto">
        <a:xfrm>
          <a:off x="5849216" y="50045222"/>
          <a:ext cx="5780377" cy="273626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883</xdr:row>
      <xdr:rowOff>73610</xdr:rowOff>
    </xdr:from>
    <xdr:to>
      <xdr:col>15</xdr:col>
      <xdr:colOff>4763</xdr:colOff>
      <xdr:row>891</xdr:row>
      <xdr:rowOff>70580</xdr:rowOff>
    </xdr:to>
    <xdr:pic>
      <xdr:nvPicPr>
        <xdr:cNvPr id="20" name="図 19">
          <a:extLst>
            <a:ext uri="{FF2B5EF4-FFF2-40B4-BE49-F238E27FC236}">
              <a16:creationId xmlns:a16="http://schemas.microsoft.com/office/drawing/2014/main" id="{693C93A1-0B46-7BDD-8051-8A2092FFAAE6}"/>
            </a:ext>
          </a:extLst>
        </xdr:cNvPr>
        <xdr:cNvPicPr>
          <a:picLocks noChangeAspect="1" noChangeArrowheads="1"/>
        </xdr:cNvPicPr>
      </xdr:nvPicPr>
      <xdr:blipFill>
        <a:blip xmlns:r="http://schemas.openxmlformats.org/officeDocument/2006/relationships" r:embed="rId42">
          <a:extLst>
            <a:ext uri="{28A0092B-C50C-407E-A947-70E740481C1C}">
              <a14:useLocalDpi xmlns:a14="http://schemas.microsoft.com/office/drawing/2010/main" val="0"/>
            </a:ext>
          </a:extLst>
        </a:blip>
        <a:srcRect/>
        <a:stretch>
          <a:fillRect/>
        </a:stretch>
      </xdr:blipFill>
      <xdr:spPr bwMode="auto">
        <a:xfrm>
          <a:off x="5849216" y="186802576"/>
          <a:ext cx="5780377" cy="165951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1165</xdr:row>
      <xdr:rowOff>77939</xdr:rowOff>
    </xdr:from>
    <xdr:to>
      <xdr:col>15</xdr:col>
      <xdr:colOff>4763</xdr:colOff>
      <xdr:row>1198</xdr:row>
      <xdr:rowOff>192239</xdr:rowOff>
    </xdr:to>
    <xdr:pic>
      <xdr:nvPicPr>
        <xdr:cNvPr id="24" name="図 23">
          <a:extLst>
            <a:ext uri="{FF2B5EF4-FFF2-40B4-BE49-F238E27FC236}">
              <a16:creationId xmlns:a16="http://schemas.microsoft.com/office/drawing/2014/main" id="{CB2EC47F-5FE1-3064-04E3-631ECB6295DF}"/>
            </a:ext>
          </a:extLst>
        </xdr:cNvPr>
        <xdr:cNvPicPr>
          <a:picLocks noChangeAspect="1" noChangeArrowheads="1"/>
        </xdr:cNvPicPr>
      </xdr:nvPicPr>
      <xdr:blipFill>
        <a:blip xmlns:r="http://schemas.openxmlformats.org/officeDocument/2006/relationships" r:embed="rId43">
          <a:extLst>
            <a:ext uri="{28A0092B-C50C-407E-A947-70E740481C1C}">
              <a14:useLocalDpi xmlns:a14="http://schemas.microsoft.com/office/drawing/2010/main" val="0"/>
            </a:ext>
          </a:extLst>
        </a:blip>
        <a:srcRect/>
        <a:stretch>
          <a:fillRect/>
        </a:stretch>
      </xdr:blipFill>
      <xdr:spPr bwMode="auto">
        <a:xfrm>
          <a:off x="5849216" y="245411633"/>
          <a:ext cx="5780377" cy="69723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930</xdr:row>
      <xdr:rowOff>56290</xdr:rowOff>
    </xdr:from>
    <xdr:to>
      <xdr:col>15</xdr:col>
      <xdr:colOff>4763</xdr:colOff>
      <xdr:row>967</xdr:row>
      <xdr:rowOff>48496</xdr:rowOff>
    </xdr:to>
    <xdr:pic>
      <xdr:nvPicPr>
        <xdr:cNvPr id="21" name="図 20">
          <a:extLst>
            <a:ext uri="{FF2B5EF4-FFF2-40B4-BE49-F238E27FC236}">
              <a16:creationId xmlns:a16="http://schemas.microsoft.com/office/drawing/2014/main" id="{C1611A65-A1CD-BCA3-3FE7-625E491B8E34}"/>
            </a:ext>
          </a:extLst>
        </xdr:cNvPr>
        <xdr:cNvPicPr>
          <a:picLocks noChangeAspect="1" noChangeArrowheads="1"/>
        </xdr:cNvPicPr>
      </xdr:nvPicPr>
      <xdr:blipFill>
        <a:blip xmlns:r="http://schemas.openxmlformats.org/officeDocument/2006/relationships" r:embed="rId44">
          <a:extLst>
            <a:ext uri="{28A0092B-C50C-407E-A947-70E740481C1C}">
              <a14:useLocalDpi xmlns:a14="http://schemas.microsoft.com/office/drawing/2010/main" val="0"/>
            </a:ext>
          </a:extLst>
        </a:blip>
        <a:srcRect/>
        <a:stretch>
          <a:fillRect/>
        </a:stretch>
      </xdr:blipFill>
      <xdr:spPr bwMode="auto">
        <a:xfrm>
          <a:off x="5849216" y="196552711"/>
          <a:ext cx="5780377" cy="768147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1.bin"/><Relationship Id="rId1" Type="http://schemas.openxmlformats.org/officeDocument/2006/relationships/hyperlink" Target="mailto:shidou-houjin@city.kagoshima.lg.jp" TargetMode="External"/><Relationship Id="rId4" Type="http://schemas.openxmlformats.org/officeDocument/2006/relationships/vmlDrawing" Target="../drawings/vmlDrawing1.v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W1307"/>
  <sheetViews>
    <sheetView tabSelected="1" view="pageBreakPreview" zoomScale="110" zoomScaleNormal="100" zoomScaleSheetLayoutView="110" workbookViewId="0">
      <selection activeCell="L1203" sqref="L1203"/>
    </sheetView>
  </sheetViews>
  <sheetFormatPr defaultColWidth="9" defaultRowHeight="16.5" customHeight="1" x14ac:dyDescent="0.25"/>
  <cols>
    <col min="1" max="3" width="1.46484375" style="7" customWidth="1"/>
    <col min="4" max="4" width="14.46484375" style="7" customWidth="1"/>
    <col min="5" max="9" width="7.265625" style="7" customWidth="1"/>
    <col min="10" max="10" width="0.46484375" style="7" customWidth="1"/>
    <col min="11" max="12" width="4.59765625" style="64" customWidth="1"/>
    <col min="13" max="13" width="16.46484375" style="2" customWidth="1"/>
    <col min="14" max="14" width="0.46484375" style="7" customWidth="1"/>
    <col min="15" max="15" width="80.86328125" style="7" customWidth="1"/>
    <col min="16" max="16" width="0.46484375" style="7" customWidth="1"/>
    <col min="17" max="17" width="9" style="7"/>
    <col min="18" max="18" width="7.59765625" style="7" customWidth="1"/>
    <col min="19" max="20" width="9" style="7"/>
    <col min="21" max="21" width="7.59765625" style="7" customWidth="1"/>
    <col min="22" max="16384" width="9" style="7"/>
  </cols>
  <sheetData>
    <row r="1" spans="1:13" ht="15" customHeight="1" x14ac:dyDescent="0.25">
      <c r="A1" s="359" t="s">
        <v>174</v>
      </c>
      <c r="B1" s="360"/>
      <c r="C1" s="360"/>
      <c r="D1" s="360"/>
      <c r="E1" s="360"/>
      <c r="F1" s="361"/>
      <c r="G1" s="15"/>
    </row>
    <row r="2" spans="1:13" ht="15" customHeight="1" x14ac:dyDescent="0.25">
      <c r="A2" s="362"/>
      <c r="B2" s="363"/>
      <c r="C2" s="363"/>
      <c r="D2" s="363"/>
      <c r="E2" s="363"/>
      <c r="F2" s="364"/>
      <c r="G2" s="15"/>
    </row>
    <row r="3" spans="1:13" ht="15" customHeight="1" x14ac:dyDescent="0.25">
      <c r="A3" s="365"/>
      <c r="B3" s="366"/>
      <c r="C3" s="366"/>
      <c r="D3" s="366"/>
      <c r="E3" s="366"/>
      <c r="F3" s="367"/>
      <c r="G3" s="15"/>
    </row>
    <row r="4" spans="1:13" ht="51" customHeight="1" x14ac:dyDescent="0.25">
      <c r="A4" s="368" t="s">
        <v>626</v>
      </c>
      <c r="B4" s="368"/>
      <c r="C4" s="368"/>
      <c r="D4" s="368"/>
      <c r="E4" s="368"/>
      <c r="F4" s="368"/>
      <c r="G4" s="368"/>
      <c r="H4" s="368"/>
      <c r="I4" s="368"/>
      <c r="J4" s="368"/>
      <c r="K4" s="368"/>
      <c r="L4" s="368"/>
      <c r="M4" s="368"/>
    </row>
    <row r="5" spans="1:13" ht="24" customHeight="1" x14ac:dyDescent="0.25">
      <c r="D5" s="8" t="s">
        <v>55</v>
      </c>
      <c r="E5" s="393"/>
      <c r="F5" s="394"/>
      <c r="G5" s="394"/>
      <c r="H5" s="394"/>
      <c r="I5" s="394"/>
      <c r="J5" s="394"/>
      <c r="K5" s="394"/>
      <c r="L5" s="394"/>
      <c r="M5" s="395"/>
    </row>
    <row r="6" spans="1:13" ht="24" customHeight="1" x14ac:dyDescent="0.25">
      <c r="D6" s="89" t="s">
        <v>145</v>
      </c>
      <c r="E6" s="297"/>
      <c r="F6" s="298"/>
      <c r="G6" s="298"/>
      <c r="H6" s="298"/>
      <c r="I6" s="298"/>
      <c r="J6" s="298"/>
      <c r="K6" s="298"/>
      <c r="L6" s="298"/>
      <c r="M6" s="299"/>
    </row>
    <row r="7" spans="1:13" ht="24" customHeight="1" x14ac:dyDescent="0.25">
      <c r="D7" s="89" t="s">
        <v>150</v>
      </c>
      <c r="E7" s="297"/>
      <c r="F7" s="298"/>
      <c r="G7" s="298"/>
      <c r="H7" s="298"/>
      <c r="I7" s="298"/>
      <c r="J7" s="298"/>
      <c r="K7" s="298"/>
      <c r="L7" s="298"/>
      <c r="M7" s="299"/>
    </row>
    <row r="8" spans="1:13" ht="24" customHeight="1" x14ac:dyDescent="0.25">
      <c r="D8" s="9" t="s">
        <v>56</v>
      </c>
      <c r="E8" s="297"/>
      <c r="F8" s="298"/>
      <c r="G8" s="298"/>
      <c r="H8" s="298"/>
      <c r="I8" s="298"/>
      <c r="J8" s="298"/>
      <c r="K8" s="298"/>
      <c r="L8" s="298"/>
      <c r="M8" s="299"/>
    </row>
    <row r="9" spans="1:13" ht="24" customHeight="1" x14ac:dyDescent="0.25">
      <c r="D9" s="304" t="s">
        <v>144</v>
      </c>
      <c r="E9" s="333" t="s">
        <v>146</v>
      </c>
      <c r="F9" s="334"/>
      <c r="G9" s="334"/>
      <c r="H9" s="334"/>
      <c r="I9" s="334"/>
      <c r="J9" s="334"/>
      <c r="K9" s="334"/>
      <c r="L9" s="334"/>
      <c r="M9" s="335"/>
    </row>
    <row r="10" spans="1:13" ht="24" customHeight="1" x14ac:dyDescent="0.25">
      <c r="D10" s="305"/>
      <c r="E10" s="294" t="s">
        <v>333</v>
      </c>
      <c r="F10" s="295"/>
      <c r="G10" s="295"/>
      <c r="H10" s="295"/>
      <c r="I10" s="295"/>
      <c r="J10" s="295"/>
      <c r="K10" s="295"/>
      <c r="L10" s="295"/>
      <c r="M10" s="296"/>
    </row>
    <row r="11" spans="1:13" ht="24" customHeight="1" x14ac:dyDescent="0.25">
      <c r="D11" s="9" t="s">
        <v>57</v>
      </c>
      <c r="E11" s="297"/>
      <c r="F11" s="298"/>
      <c r="G11" s="298"/>
      <c r="H11" s="298"/>
      <c r="I11" s="298"/>
      <c r="J11" s="298"/>
      <c r="K11" s="298"/>
      <c r="L11" s="298"/>
      <c r="M11" s="299"/>
    </row>
    <row r="12" spans="1:13" ht="24" customHeight="1" x14ac:dyDescent="0.25">
      <c r="D12" s="9" t="s">
        <v>58</v>
      </c>
      <c r="E12" s="297"/>
      <c r="F12" s="298"/>
      <c r="G12" s="298"/>
      <c r="H12" s="298"/>
      <c r="I12" s="298"/>
      <c r="J12" s="298"/>
      <c r="K12" s="298"/>
      <c r="L12" s="298"/>
      <c r="M12" s="299"/>
    </row>
    <row r="13" spans="1:13" ht="24" customHeight="1" x14ac:dyDescent="0.25">
      <c r="D13" s="9" t="s">
        <v>151</v>
      </c>
      <c r="E13" s="297"/>
      <c r="F13" s="298"/>
      <c r="G13" s="298"/>
      <c r="H13" s="298"/>
      <c r="I13" s="298"/>
      <c r="J13" s="298"/>
      <c r="K13" s="298"/>
      <c r="L13" s="298"/>
      <c r="M13" s="299"/>
    </row>
    <row r="14" spans="1:13" ht="24" customHeight="1" x14ac:dyDescent="0.25">
      <c r="D14" s="9" t="s">
        <v>59</v>
      </c>
      <c r="E14" s="297"/>
      <c r="F14" s="298"/>
      <c r="G14" s="298"/>
      <c r="H14" s="298"/>
      <c r="I14" s="298"/>
      <c r="J14" s="298"/>
      <c r="K14" s="298"/>
      <c r="L14" s="298"/>
      <c r="M14" s="299"/>
    </row>
    <row r="15" spans="1:13" ht="24" customHeight="1" x14ac:dyDescent="0.25">
      <c r="D15" s="304" t="s">
        <v>334</v>
      </c>
      <c r="E15" s="300" t="s">
        <v>336</v>
      </c>
      <c r="F15" s="301"/>
      <c r="G15" s="301"/>
      <c r="H15" s="301"/>
      <c r="I15" s="302" t="s">
        <v>337</v>
      </c>
      <c r="J15" s="301"/>
      <c r="K15" s="301"/>
      <c r="L15" s="301"/>
      <c r="M15" s="303"/>
    </row>
    <row r="16" spans="1:13" ht="24" customHeight="1" x14ac:dyDescent="0.25">
      <c r="D16" s="305"/>
      <c r="E16" s="300" t="s">
        <v>336</v>
      </c>
      <c r="F16" s="301"/>
      <c r="G16" s="301"/>
      <c r="H16" s="301"/>
      <c r="I16" s="302" t="s">
        <v>337</v>
      </c>
      <c r="J16" s="301"/>
      <c r="K16" s="301"/>
      <c r="L16" s="301"/>
      <c r="M16" s="303"/>
    </row>
    <row r="17" spans="2:13" ht="24" customHeight="1" x14ac:dyDescent="0.25">
      <c r="D17" s="369" t="s">
        <v>335</v>
      </c>
      <c r="E17" s="300" t="s">
        <v>336</v>
      </c>
      <c r="F17" s="301"/>
      <c r="G17" s="301"/>
      <c r="H17" s="301"/>
      <c r="I17" s="302" t="s">
        <v>337</v>
      </c>
      <c r="J17" s="301"/>
      <c r="K17" s="301"/>
      <c r="L17" s="301"/>
      <c r="M17" s="303"/>
    </row>
    <row r="18" spans="2:13" ht="24" customHeight="1" x14ac:dyDescent="0.25">
      <c r="D18" s="369"/>
      <c r="E18" s="300" t="s">
        <v>336</v>
      </c>
      <c r="F18" s="301"/>
      <c r="G18" s="301"/>
      <c r="H18" s="301"/>
      <c r="I18" s="302" t="s">
        <v>337</v>
      </c>
      <c r="J18" s="301"/>
      <c r="K18" s="301"/>
      <c r="L18" s="301"/>
      <c r="M18" s="303"/>
    </row>
    <row r="19" spans="2:13" ht="24" customHeight="1" x14ac:dyDescent="0.25">
      <c r="D19" s="369"/>
      <c r="E19" s="300" t="s">
        <v>336</v>
      </c>
      <c r="F19" s="301"/>
      <c r="G19" s="301"/>
      <c r="H19" s="301"/>
      <c r="I19" s="302" t="s">
        <v>337</v>
      </c>
      <c r="J19" s="301"/>
      <c r="K19" s="301"/>
      <c r="L19" s="301"/>
      <c r="M19" s="303"/>
    </row>
    <row r="20" spans="2:13" ht="24" customHeight="1" x14ac:dyDescent="0.25">
      <c r="D20" s="370"/>
      <c r="E20" s="322" t="s">
        <v>336</v>
      </c>
      <c r="F20" s="323"/>
      <c r="G20" s="323"/>
      <c r="H20" s="323"/>
      <c r="I20" s="349" t="s">
        <v>337</v>
      </c>
      <c r="J20" s="323"/>
      <c r="K20" s="323"/>
      <c r="L20" s="323"/>
      <c r="M20" s="350"/>
    </row>
    <row r="21" spans="2:13" ht="24" customHeight="1" x14ac:dyDescent="0.25"/>
    <row r="22" spans="2:13" ht="24" customHeight="1" x14ac:dyDescent="0.25"/>
    <row r="23" spans="2:13" ht="24" customHeight="1" x14ac:dyDescent="0.25"/>
    <row r="24" spans="2:13" ht="24" customHeight="1" x14ac:dyDescent="0.25"/>
    <row r="25" spans="2:13" ht="24" customHeight="1" x14ac:dyDescent="0.25"/>
    <row r="26" spans="2:13" ht="24" customHeight="1" x14ac:dyDescent="0.25"/>
    <row r="27" spans="2:13" ht="24" customHeight="1" x14ac:dyDescent="0.25"/>
    <row r="28" spans="2:13" ht="24" customHeight="1" x14ac:dyDescent="0.25">
      <c r="B28" s="7" t="s">
        <v>66</v>
      </c>
    </row>
    <row r="29" spans="2:13" ht="24" customHeight="1" x14ac:dyDescent="0.25">
      <c r="B29" s="374" t="s">
        <v>330</v>
      </c>
      <c r="C29" s="375"/>
      <c r="D29" s="376"/>
      <c r="E29" s="383" t="s">
        <v>67</v>
      </c>
      <c r="F29" s="384"/>
      <c r="G29" s="391" t="s">
        <v>331</v>
      </c>
      <c r="H29" s="391"/>
      <c r="I29" s="391"/>
      <c r="J29" s="391"/>
      <c r="K29" s="391"/>
      <c r="L29" s="391"/>
      <c r="M29" s="391"/>
    </row>
    <row r="30" spans="2:13" ht="24" customHeight="1" x14ac:dyDescent="0.25">
      <c r="B30" s="377"/>
      <c r="C30" s="378"/>
      <c r="D30" s="379"/>
      <c r="E30" s="385" t="s">
        <v>332</v>
      </c>
      <c r="F30" s="386"/>
      <c r="G30" s="392" t="s">
        <v>336</v>
      </c>
      <c r="H30" s="392"/>
      <c r="I30" s="392"/>
      <c r="J30" s="392"/>
      <c r="K30" s="392" t="s">
        <v>337</v>
      </c>
      <c r="L30" s="392"/>
      <c r="M30" s="392"/>
    </row>
    <row r="31" spans="2:13" ht="24" customHeight="1" x14ac:dyDescent="0.25">
      <c r="B31" s="377"/>
      <c r="C31" s="378"/>
      <c r="D31" s="379"/>
      <c r="E31" s="387"/>
      <c r="F31" s="388"/>
      <c r="G31" s="392" t="s">
        <v>336</v>
      </c>
      <c r="H31" s="392"/>
      <c r="I31" s="392"/>
      <c r="J31" s="392"/>
      <c r="K31" s="392" t="s">
        <v>337</v>
      </c>
      <c r="L31" s="392"/>
      <c r="M31" s="392"/>
    </row>
    <row r="32" spans="2:13" ht="24" customHeight="1" x14ac:dyDescent="0.25">
      <c r="B32" s="377"/>
      <c r="C32" s="378"/>
      <c r="D32" s="379"/>
      <c r="E32" s="387"/>
      <c r="F32" s="388"/>
      <c r="G32" s="392" t="s">
        <v>336</v>
      </c>
      <c r="H32" s="392"/>
      <c r="I32" s="392"/>
      <c r="J32" s="392"/>
      <c r="K32" s="392" t="s">
        <v>337</v>
      </c>
      <c r="L32" s="392"/>
      <c r="M32" s="392"/>
    </row>
    <row r="33" spans="1:13" ht="24" customHeight="1" x14ac:dyDescent="0.25">
      <c r="B33" s="380"/>
      <c r="C33" s="381"/>
      <c r="D33" s="382"/>
      <c r="E33" s="389"/>
      <c r="F33" s="390"/>
      <c r="G33" s="392" t="s">
        <v>336</v>
      </c>
      <c r="H33" s="392"/>
      <c r="I33" s="392"/>
      <c r="J33" s="392"/>
      <c r="K33" s="392" t="s">
        <v>337</v>
      </c>
      <c r="L33" s="392"/>
      <c r="M33" s="392"/>
    </row>
    <row r="34" spans="1:13" ht="22.5" customHeight="1" x14ac:dyDescent="0.25"/>
    <row r="35" spans="1:13" ht="16.5" customHeight="1" x14ac:dyDescent="0.25">
      <c r="A35" s="7" t="s">
        <v>134</v>
      </c>
    </row>
    <row r="36" spans="1:13" ht="16.5" customHeight="1" x14ac:dyDescent="0.25">
      <c r="B36" s="7" t="s">
        <v>135</v>
      </c>
    </row>
    <row r="37" spans="1:13" ht="16.5" customHeight="1" x14ac:dyDescent="0.25">
      <c r="B37" s="7" t="s">
        <v>140</v>
      </c>
    </row>
    <row r="39" spans="1:13" ht="16.5" customHeight="1" x14ac:dyDescent="0.25">
      <c r="B39" s="7" t="s">
        <v>136</v>
      </c>
    </row>
    <row r="40" spans="1:13" ht="16.5" customHeight="1" x14ac:dyDescent="0.25">
      <c r="B40" s="7" t="s">
        <v>141</v>
      </c>
    </row>
    <row r="42" spans="1:13" ht="16.5" customHeight="1" x14ac:dyDescent="0.25">
      <c r="B42" s="7" t="s">
        <v>48</v>
      </c>
    </row>
    <row r="43" spans="1:13" ht="16.5" customHeight="1" x14ac:dyDescent="0.25">
      <c r="B43" s="7" t="s">
        <v>142</v>
      </c>
    </row>
    <row r="45" spans="1:13" ht="16.5" customHeight="1" x14ac:dyDescent="0.25">
      <c r="B45" s="7" t="s">
        <v>50</v>
      </c>
    </row>
    <row r="46" spans="1:13" ht="16.5" customHeight="1" x14ac:dyDescent="0.25">
      <c r="B46" s="7" t="s">
        <v>293</v>
      </c>
    </row>
    <row r="47" spans="1:13" ht="16.5" customHeight="1" x14ac:dyDescent="0.25">
      <c r="B47" s="7" t="s">
        <v>294</v>
      </c>
    </row>
    <row r="48" spans="1:13" ht="16.5" customHeight="1" x14ac:dyDescent="0.25">
      <c r="B48" s="7" t="s">
        <v>295</v>
      </c>
    </row>
    <row r="49" spans="2:2" ht="16.5" customHeight="1" x14ac:dyDescent="0.25">
      <c r="B49" s="7" t="s">
        <v>296</v>
      </c>
    </row>
    <row r="50" spans="2:2" ht="16.5" customHeight="1" x14ac:dyDescent="0.25">
      <c r="B50" s="7" t="s">
        <v>297</v>
      </c>
    </row>
    <row r="51" spans="2:2" ht="16.5" customHeight="1" x14ac:dyDescent="0.25">
      <c r="B51" s="7" t="s">
        <v>298</v>
      </c>
    </row>
    <row r="52" spans="2:2" ht="16.5" customHeight="1" x14ac:dyDescent="0.25">
      <c r="B52" s="7" t="s">
        <v>299</v>
      </c>
    </row>
    <row r="53" spans="2:2" ht="16.5" customHeight="1" x14ac:dyDescent="0.25">
      <c r="B53" s="7" t="s">
        <v>300</v>
      </c>
    </row>
    <row r="54" spans="2:2" ht="16.5" customHeight="1" x14ac:dyDescent="0.25">
      <c r="B54" s="7" t="s">
        <v>301</v>
      </c>
    </row>
    <row r="55" spans="2:2" ht="16.5" customHeight="1" x14ac:dyDescent="0.25">
      <c r="B55" s="7" t="s">
        <v>302</v>
      </c>
    </row>
    <row r="56" spans="2:2" ht="16.5" customHeight="1" x14ac:dyDescent="0.25">
      <c r="B56" s="7" t="s">
        <v>304</v>
      </c>
    </row>
    <row r="57" spans="2:2" ht="16.5" customHeight="1" x14ac:dyDescent="0.25">
      <c r="B57" s="7" t="s">
        <v>303</v>
      </c>
    </row>
    <row r="58" spans="2:2" ht="16.5" customHeight="1" x14ac:dyDescent="0.25">
      <c r="B58" s="7" t="s">
        <v>305</v>
      </c>
    </row>
    <row r="59" spans="2:2" ht="16.5" customHeight="1" x14ac:dyDescent="0.25">
      <c r="B59" s="7" t="s">
        <v>306</v>
      </c>
    </row>
    <row r="60" spans="2:2" ht="16.5" customHeight="1" x14ac:dyDescent="0.25">
      <c r="B60" s="7" t="s">
        <v>307</v>
      </c>
    </row>
    <row r="61" spans="2:2" ht="16.5" customHeight="1" x14ac:dyDescent="0.25">
      <c r="B61" s="7" t="s">
        <v>308</v>
      </c>
    </row>
    <row r="62" spans="2:2" ht="16.5" customHeight="1" x14ac:dyDescent="0.25">
      <c r="B62" s="7" t="s">
        <v>309</v>
      </c>
    </row>
    <row r="63" spans="2:2" ht="16.5" customHeight="1" x14ac:dyDescent="0.25">
      <c r="B63" s="7" t="s">
        <v>456</v>
      </c>
    </row>
    <row r="64" spans="2:2" ht="16.5" customHeight="1" x14ac:dyDescent="0.25">
      <c r="B64" s="7" t="s">
        <v>469</v>
      </c>
    </row>
    <row r="65" spans="2:2" ht="16.5" customHeight="1" x14ac:dyDescent="0.25">
      <c r="B65" s="7" t="s">
        <v>470</v>
      </c>
    </row>
    <row r="66" spans="2:2" ht="16.5" customHeight="1" x14ac:dyDescent="0.25">
      <c r="B66" s="7" t="s">
        <v>471</v>
      </c>
    </row>
    <row r="67" spans="2:2" ht="16.5" customHeight="1" x14ac:dyDescent="0.25">
      <c r="B67" s="7" t="s">
        <v>472</v>
      </c>
    </row>
    <row r="68" spans="2:2" ht="16.5" customHeight="1" x14ac:dyDescent="0.25">
      <c r="B68" s="7" t="s">
        <v>310</v>
      </c>
    </row>
    <row r="69" spans="2:2" ht="16.5" customHeight="1" x14ac:dyDescent="0.25">
      <c r="B69" s="7" t="s">
        <v>473</v>
      </c>
    </row>
    <row r="70" spans="2:2" ht="16.5" customHeight="1" x14ac:dyDescent="0.25">
      <c r="B70" s="7" t="s">
        <v>474</v>
      </c>
    </row>
    <row r="72" spans="2:2" ht="16.5" customHeight="1" x14ac:dyDescent="0.25">
      <c r="B72" s="7" t="s">
        <v>137</v>
      </c>
    </row>
    <row r="73" spans="2:2" ht="16.5" customHeight="1" x14ac:dyDescent="0.25">
      <c r="B73" s="7" t="s">
        <v>475</v>
      </c>
    </row>
    <row r="74" spans="2:2" ht="16.5" customHeight="1" x14ac:dyDescent="0.25">
      <c r="B74" s="7" t="s">
        <v>572</v>
      </c>
    </row>
    <row r="75" spans="2:2" ht="16.5" customHeight="1" x14ac:dyDescent="0.25">
      <c r="B75" s="7" t="s">
        <v>558</v>
      </c>
    </row>
    <row r="84" spans="1:2" ht="16.5" customHeight="1" x14ac:dyDescent="0.25">
      <c r="A84" s="7" t="s">
        <v>64</v>
      </c>
    </row>
    <row r="85" spans="1:2" ht="16.5" customHeight="1" x14ac:dyDescent="0.25">
      <c r="B85" s="7" t="s">
        <v>97</v>
      </c>
    </row>
    <row r="86" spans="1:2" ht="16.5" customHeight="1" x14ac:dyDescent="0.25">
      <c r="B86" s="7" t="s">
        <v>614</v>
      </c>
    </row>
    <row r="87" spans="1:2" ht="16.5" customHeight="1" x14ac:dyDescent="0.25">
      <c r="B87" s="7" t="s">
        <v>149</v>
      </c>
    </row>
    <row r="88" spans="1:2" ht="16.5" customHeight="1" x14ac:dyDescent="0.25">
      <c r="B88" s="7" t="s">
        <v>63</v>
      </c>
    </row>
    <row r="89" spans="1:2" ht="16.5" customHeight="1" x14ac:dyDescent="0.25">
      <c r="B89" s="7" t="s">
        <v>152</v>
      </c>
    </row>
    <row r="90" spans="1:2" ht="16.5" customHeight="1" x14ac:dyDescent="0.25">
      <c r="B90" s="7" t="s">
        <v>153</v>
      </c>
    </row>
    <row r="91" spans="1:2" ht="16.5" customHeight="1" x14ac:dyDescent="0.25">
      <c r="B91" s="7" t="s">
        <v>586</v>
      </c>
    </row>
    <row r="92" spans="1:2" ht="16.5" customHeight="1" x14ac:dyDescent="0.25">
      <c r="B92" s="7" t="s">
        <v>587</v>
      </c>
    </row>
    <row r="93" spans="1:2" ht="16.5" customHeight="1" x14ac:dyDescent="0.25">
      <c r="B93" s="7" t="s">
        <v>588</v>
      </c>
    </row>
    <row r="94" spans="1:2" ht="16.5" customHeight="1" x14ac:dyDescent="0.25">
      <c r="B94" s="7" t="s">
        <v>139</v>
      </c>
    </row>
    <row r="96" spans="1:2" ht="16.5" customHeight="1" x14ac:dyDescent="0.25">
      <c r="A96" s="7" t="s">
        <v>60</v>
      </c>
    </row>
    <row r="97" spans="1:6" ht="16.5" customHeight="1" x14ac:dyDescent="0.25">
      <c r="B97" s="7" t="s">
        <v>163</v>
      </c>
    </row>
    <row r="98" spans="1:6" ht="16.5" customHeight="1" x14ac:dyDescent="0.25">
      <c r="B98" s="7" t="s">
        <v>61</v>
      </c>
    </row>
    <row r="99" spans="1:6" ht="16.5" customHeight="1" x14ac:dyDescent="0.25">
      <c r="B99" s="7" t="s">
        <v>62</v>
      </c>
    </row>
    <row r="100" spans="1:6" ht="16.5" customHeight="1" x14ac:dyDescent="0.25">
      <c r="B100" s="7" t="s">
        <v>165</v>
      </c>
    </row>
    <row r="101" spans="1:6" ht="16.5" customHeight="1" x14ac:dyDescent="0.25">
      <c r="B101" s="7" t="s">
        <v>166</v>
      </c>
    </row>
    <row r="102" spans="1:6" ht="16.5" customHeight="1" x14ac:dyDescent="0.25">
      <c r="B102" s="7" t="s">
        <v>167</v>
      </c>
    </row>
    <row r="105" spans="1:6" ht="16.5" customHeight="1" x14ac:dyDescent="0.25">
      <c r="A105" s="7" t="s">
        <v>65</v>
      </c>
    </row>
    <row r="106" spans="1:6" ht="16.5" customHeight="1" x14ac:dyDescent="0.25">
      <c r="B106" s="7" t="s">
        <v>311</v>
      </c>
    </row>
    <row r="107" spans="1:6" ht="16.5" customHeight="1" x14ac:dyDescent="0.25">
      <c r="B107" s="7" t="s">
        <v>312</v>
      </c>
    </row>
    <row r="108" spans="1:6" ht="16.5" customHeight="1" x14ac:dyDescent="0.25">
      <c r="B108" s="7" t="s">
        <v>438</v>
      </c>
    </row>
    <row r="110" spans="1:6" ht="16.5" customHeight="1" x14ac:dyDescent="0.25">
      <c r="A110" s="7" t="s">
        <v>168</v>
      </c>
    </row>
    <row r="111" spans="1:6" ht="16.5" customHeight="1" x14ac:dyDescent="0.25">
      <c r="B111" s="7" t="s">
        <v>169</v>
      </c>
    </row>
    <row r="112" spans="1:6" ht="16.5" customHeight="1" x14ac:dyDescent="0.25">
      <c r="B112" s="373" t="s">
        <v>170</v>
      </c>
      <c r="C112" s="373"/>
      <c r="D112" s="373"/>
      <c r="E112" s="373"/>
      <c r="F112" s="373"/>
    </row>
    <row r="113" spans="2:2" ht="16.5" customHeight="1" x14ac:dyDescent="0.25">
      <c r="B113" s="7" t="s">
        <v>171</v>
      </c>
    </row>
    <row r="130" spans="1:16" ht="16.5" customHeight="1" x14ac:dyDescent="0.25">
      <c r="A130" s="351" t="s">
        <v>2</v>
      </c>
      <c r="B130" s="352"/>
      <c r="C130" s="352"/>
      <c r="D130" s="352"/>
      <c r="E130" s="352"/>
      <c r="F130" s="352"/>
      <c r="G130" s="352"/>
      <c r="H130" s="352"/>
      <c r="I130" s="352"/>
      <c r="J130" s="353"/>
      <c r="K130" s="352" t="s">
        <v>21</v>
      </c>
      <c r="L130" s="352"/>
      <c r="M130" s="371" t="s">
        <v>1</v>
      </c>
      <c r="N130" s="351" t="s">
        <v>96</v>
      </c>
      <c r="O130" s="352"/>
      <c r="P130" s="353"/>
    </row>
    <row r="131" spans="1:16" s="19" customFormat="1" ht="16.5" customHeight="1" x14ac:dyDescent="0.25">
      <c r="A131" s="354"/>
      <c r="B131" s="355"/>
      <c r="C131" s="355"/>
      <c r="D131" s="355"/>
      <c r="E131" s="355"/>
      <c r="F131" s="355"/>
      <c r="G131" s="355"/>
      <c r="H131" s="355"/>
      <c r="I131" s="355"/>
      <c r="J131" s="356"/>
      <c r="K131" s="17" t="s">
        <v>22</v>
      </c>
      <c r="L131" s="18" t="s">
        <v>23</v>
      </c>
      <c r="M131" s="372"/>
      <c r="N131" s="354"/>
      <c r="O131" s="355"/>
      <c r="P131" s="356"/>
    </row>
    <row r="132" spans="1:16" s="19" customFormat="1" ht="16.5" customHeight="1" x14ac:dyDescent="0.25">
      <c r="A132" s="10" t="s">
        <v>44</v>
      </c>
      <c r="B132" s="20"/>
      <c r="C132" s="20"/>
      <c r="D132" s="20"/>
      <c r="E132" s="20"/>
      <c r="F132" s="20"/>
      <c r="G132" s="20"/>
      <c r="H132" s="20"/>
      <c r="I132" s="20"/>
      <c r="J132" s="21"/>
      <c r="K132" s="65"/>
      <c r="L132" s="66"/>
      <c r="M132" s="36"/>
      <c r="N132" s="22"/>
      <c r="O132" s="20"/>
      <c r="P132" s="21"/>
    </row>
    <row r="133" spans="1:16" s="19" customFormat="1" ht="16.5" customHeight="1" x14ac:dyDescent="0.25">
      <c r="A133" s="40" t="s">
        <v>69</v>
      </c>
      <c r="B133" s="41"/>
      <c r="C133" s="41"/>
      <c r="D133" s="41"/>
      <c r="E133" s="41"/>
      <c r="F133" s="41"/>
      <c r="G133" s="41"/>
      <c r="H133" s="41"/>
      <c r="I133" s="41"/>
      <c r="J133" s="23"/>
      <c r="K133" s="67"/>
      <c r="L133" s="68"/>
      <c r="M133" s="37"/>
      <c r="N133" s="24"/>
      <c r="O133" s="16"/>
      <c r="P133" s="23"/>
    </row>
    <row r="134" spans="1:16" s="19" customFormat="1" ht="16.5" customHeight="1" x14ac:dyDescent="0.25">
      <c r="A134" s="42"/>
      <c r="B134" s="43" t="s">
        <v>99</v>
      </c>
      <c r="C134" s="41"/>
      <c r="D134" s="41"/>
      <c r="E134" s="41"/>
      <c r="F134" s="41"/>
      <c r="G134" s="41"/>
      <c r="H134" s="41"/>
      <c r="I134" s="41"/>
      <c r="J134" s="23"/>
      <c r="K134" s="86" t="s">
        <v>172</v>
      </c>
      <c r="L134" s="87" t="s">
        <v>101</v>
      </c>
      <c r="M134" s="37"/>
      <c r="N134" s="24"/>
      <c r="O134" s="16"/>
      <c r="P134" s="23"/>
    </row>
    <row r="135" spans="1:16" s="19" customFormat="1" ht="16.5" customHeight="1" x14ac:dyDescent="0.25">
      <c r="A135" s="42"/>
      <c r="B135" s="43" t="s">
        <v>54</v>
      </c>
      <c r="C135" s="41"/>
      <c r="D135" s="41"/>
      <c r="E135" s="41"/>
      <c r="F135" s="41"/>
      <c r="G135" s="41"/>
      <c r="H135" s="41"/>
      <c r="I135" s="41"/>
      <c r="J135" s="23"/>
      <c r="K135" s="67"/>
      <c r="L135" s="68"/>
      <c r="M135" s="37"/>
      <c r="N135" s="24"/>
      <c r="O135" s="16"/>
      <c r="P135" s="23"/>
    </row>
    <row r="136" spans="1:16" s="19" customFormat="1" ht="16.5" customHeight="1" x14ac:dyDescent="0.25">
      <c r="A136" s="42"/>
      <c r="B136" s="41"/>
      <c r="C136" s="41"/>
      <c r="D136" s="41"/>
      <c r="E136" s="41"/>
      <c r="F136" s="41"/>
      <c r="G136" s="41"/>
      <c r="H136" s="41"/>
      <c r="I136" s="41"/>
      <c r="J136" s="23"/>
      <c r="K136" s="67"/>
      <c r="L136" s="68"/>
      <c r="M136" s="37"/>
      <c r="N136" s="24"/>
      <c r="O136" s="16"/>
      <c r="P136" s="23"/>
    </row>
    <row r="137" spans="1:16" s="19" customFormat="1" ht="16.5" customHeight="1" x14ac:dyDescent="0.25">
      <c r="A137" s="42"/>
      <c r="B137" s="41"/>
      <c r="C137" s="41"/>
      <c r="D137" s="41"/>
      <c r="E137" s="41"/>
      <c r="F137" s="41"/>
      <c r="G137" s="41"/>
      <c r="H137" s="41"/>
      <c r="I137" s="41"/>
      <c r="J137" s="23"/>
      <c r="K137" s="67"/>
      <c r="L137" s="68"/>
      <c r="M137" s="37"/>
      <c r="N137" s="24"/>
      <c r="O137" s="16"/>
      <c r="P137" s="23"/>
    </row>
    <row r="138" spans="1:16" s="19" customFormat="1" ht="16.5" customHeight="1" x14ac:dyDescent="0.25">
      <c r="A138" s="42"/>
      <c r="B138" s="41"/>
      <c r="C138" s="41"/>
      <c r="D138" s="41"/>
      <c r="E138" s="41"/>
      <c r="F138" s="41"/>
      <c r="G138" s="41"/>
      <c r="H138" s="41"/>
      <c r="I138" s="41"/>
      <c r="J138" s="23"/>
      <c r="K138" s="67"/>
      <c r="L138" s="68"/>
      <c r="M138" s="37"/>
      <c r="N138" s="24"/>
      <c r="O138" s="16"/>
      <c r="P138" s="23"/>
    </row>
    <row r="139" spans="1:16" s="19" customFormat="1" ht="16.5" customHeight="1" x14ac:dyDescent="0.25">
      <c r="A139" s="42"/>
      <c r="B139" s="41"/>
      <c r="C139" s="41"/>
      <c r="D139" s="41"/>
      <c r="E139" s="41"/>
      <c r="F139" s="41"/>
      <c r="G139" s="41"/>
      <c r="H139" s="41"/>
      <c r="I139" s="41"/>
      <c r="J139" s="23"/>
      <c r="K139" s="67"/>
      <c r="L139" s="68"/>
      <c r="M139" s="37"/>
      <c r="N139" s="24"/>
      <c r="O139" s="16"/>
      <c r="P139" s="23"/>
    </row>
    <row r="140" spans="1:16" s="19" customFormat="1" ht="16.5" customHeight="1" x14ac:dyDescent="0.25">
      <c r="A140" s="42"/>
      <c r="B140" s="41"/>
      <c r="C140" s="41"/>
      <c r="D140" s="41"/>
      <c r="E140" s="41"/>
      <c r="F140" s="41"/>
      <c r="G140" s="41"/>
      <c r="H140" s="41"/>
      <c r="I140" s="41"/>
      <c r="J140" s="23"/>
      <c r="K140" s="67"/>
      <c r="L140" s="68"/>
      <c r="M140" s="37"/>
      <c r="N140" s="24"/>
      <c r="O140" s="16"/>
      <c r="P140" s="23"/>
    </row>
    <row r="141" spans="1:16" s="19" customFormat="1" ht="16.5" customHeight="1" x14ac:dyDescent="0.25">
      <c r="A141" s="42"/>
      <c r="B141" s="41"/>
      <c r="C141" s="41"/>
      <c r="D141" s="41"/>
      <c r="E141" s="41"/>
      <c r="F141" s="41"/>
      <c r="G141" s="41"/>
      <c r="H141" s="41"/>
      <c r="I141" s="41"/>
      <c r="J141" s="23"/>
      <c r="K141" s="67"/>
      <c r="L141" s="68"/>
      <c r="M141" s="37"/>
      <c r="N141" s="24"/>
      <c r="O141" s="16"/>
      <c r="P141" s="23"/>
    </row>
    <row r="142" spans="1:16" s="19" customFormat="1" ht="16.5" customHeight="1" x14ac:dyDescent="0.25">
      <c r="A142" s="42"/>
      <c r="B142" s="41"/>
      <c r="C142" s="41"/>
      <c r="D142" s="41"/>
      <c r="E142" s="41"/>
      <c r="F142" s="41"/>
      <c r="G142" s="41"/>
      <c r="H142" s="41"/>
      <c r="I142" s="41"/>
      <c r="J142" s="23"/>
      <c r="K142" s="67"/>
      <c r="L142" s="68"/>
      <c r="M142" s="37"/>
      <c r="N142" s="24"/>
      <c r="O142" s="16"/>
      <c r="P142" s="23"/>
    </row>
    <row r="143" spans="1:16" s="19" customFormat="1" ht="16.5" customHeight="1" x14ac:dyDescent="0.25">
      <c r="A143" s="42"/>
      <c r="B143" s="41"/>
      <c r="C143" s="41"/>
      <c r="D143" s="41"/>
      <c r="E143" s="41"/>
      <c r="F143" s="41"/>
      <c r="G143" s="41"/>
      <c r="H143" s="41"/>
      <c r="I143" s="41"/>
      <c r="J143" s="23"/>
      <c r="K143" s="67"/>
      <c r="L143" s="68"/>
      <c r="M143" s="37"/>
      <c r="N143" s="24"/>
      <c r="O143" s="16"/>
      <c r="P143" s="23"/>
    </row>
    <row r="144" spans="1:16" s="19" customFormat="1" ht="16.5" customHeight="1" x14ac:dyDescent="0.25">
      <c r="A144" s="42"/>
      <c r="B144" s="41"/>
      <c r="C144" s="41"/>
      <c r="D144" s="41"/>
      <c r="E144" s="41"/>
      <c r="F144" s="41"/>
      <c r="G144" s="41"/>
      <c r="H144" s="41"/>
      <c r="I144" s="41"/>
      <c r="J144" s="23"/>
      <c r="K144" s="67"/>
      <c r="L144" s="68"/>
      <c r="M144" s="37"/>
      <c r="N144" s="24"/>
      <c r="O144" s="16"/>
      <c r="P144" s="23"/>
    </row>
    <row r="145" spans="1:16" s="19" customFormat="1" ht="16.5" customHeight="1" x14ac:dyDescent="0.25">
      <c r="A145" s="42"/>
      <c r="B145" s="41"/>
      <c r="C145" s="41"/>
      <c r="D145" s="41"/>
      <c r="E145" s="41"/>
      <c r="F145" s="41"/>
      <c r="G145" s="41"/>
      <c r="H145" s="41"/>
      <c r="I145" s="41"/>
      <c r="J145" s="23"/>
      <c r="K145" s="67"/>
      <c r="L145" s="68"/>
      <c r="M145" s="37"/>
      <c r="N145" s="24"/>
      <c r="O145" s="16"/>
      <c r="P145" s="23"/>
    </row>
    <row r="146" spans="1:16" s="19" customFormat="1" ht="16.5" customHeight="1" x14ac:dyDescent="0.25">
      <c r="A146" s="42"/>
      <c r="B146" s="41"/>
      <c r="C146" s="41"/>
      <c r="D146" s="41"/>
      <c r="E146" s="41"/>
      <c r="F146" s="41"/>
      <c r="G146" s="41"/>
      <c r="H146" s="41"/>
      <c r="I146" s="41"/>
      <c r="J146" s="23"/>
      <c r="K146" s="67"/>
      <c r="L146" s="68"/>
      <c r="M146" s="37"/>
      <c r="N146" s="24"/>
      <c r="O146" s="16"/>
      <c r="P146" s="23"/>
    </row>
    <row r="147" spans="1:16" s="19" customFormat="1" ht="16.5" customHeight="1" x14ac:dyDescent="0.25">
      <c r="A147" s="42"/>
      <c r="B147" s="41"/>
      <c r="C147" s="41"/>
      <c r="D147" s="41"/>
      <c r="E147" s="41"/>
      <c r="F147" s="41"/>
      <c r="G147" s="41"/>
      <c r="H147" s="41"/>
      <c r="I147" s="41"/>
      <c r="J147" s="23"/>
      <c r="K147" s="67"/>
      <c r="L147" s="68"/>
      <c r="M147" s="37"/>
      <c r="N147" s="24"/>
      <c r="O147" s="16"/>
      <c r="P147" s="23"/>
    </row>
    <row r="148" spans="1:16" s="19" customFormat="1" ht="16.5" customHeight="1" x14ac:dyDescent="0.25">
      <c r="A148" s="42"/>
      <c r="B148" s="41"/>
      <c r="C148" s="41"/>
      <c r="D148" s="41"/>
      <c r="E148" s="41"/>
      <c r="F148" s="41"/>
      <c r="G148" s="41"/>
      <c r="H148" s="41"/>
      <c r="I148" s="41"/>
      <c r="J148" s="23"/>
      <c r="K148" s="67"/>
      <c r="L148" s="68"/>
      <c r="M148" s="37"/>
      <c r="N148" s="24"/>
      <c r="O148" s="16"/>
      <c r="P148" s="23"/>
    </row>
    <row r="149" spans="1:16" s="19" customFormat="1" ht="16.5" customHeight="1" x14ac:dyDescent="0.25">
      <c r="A149" s="42"/>
      <c r="B149" s="41"/>
      <c r="C149" s="41"/>
      <c r="D149" s="41"/>
      <c r="E149" s="41"/>
      <c r="F149" s="41"/>
      <c r="G149" s="41"/>
      <c r="H149" s="41"/>
      <c r="I149" s="41"/>
      <c r="J149" s="23"/>
      <c r="K149" s="67"/>
      <c r="L149" s="68"/>
      <c r="M149" s="37"/>
      <c r="N149" s="24"/>
      <c r="O149" s="16"/>
      <c r="P149" s="23"/>
    </row>
    <row r="150" spans="1:16" s="19" customFormat="1" ht="16.5" customHeight="1" x14ac:dyDescent="0.25">
      <c r="A150" s="42"/>
      <c r="B150" s="41"/>
      <c r="C150" s="41"/>
      <c r="D150" s="41"/>
      <c r="E150" s="41"/>
      <c r="F150" s="41"/>
      <c r="G150" s="41"/>
      <c r="H150" s="41"/>
      <c r="I150" s="41"/>
      <c r="J150" s="23"/>
      <c r="K150" s="67"/>
      <c r="L150" s="68"/>
      <c r="M150" s="37"/>
      <c r="N150" s="24"/>
      <c r="O150" s="16"/>
      <c r="P150" s="23"/>
    </row>
    <row r="151" spans="1:16" s="19" customFormat="1" ht="16.5" customHeight="1" x14ac:dyDescent="0.25">
      <c r="A151" s="42"/>
      <c r="B151" s="41"/>
      <c r="C151" s="41"/>
      <c r="D151" s="41"/>
      <c r="E151" s="41"/>
      <c r="F151" s="41"/>
      <c r="G151" s="41"/>
      <c r="H151" s="41"/>
      <c r="I151" s="41"/>
      <c r="J151" s="23"/>
      <c r="K151" s="67"/>
      <c r="L151" s="68"/>
      <c r="M151" s="37"/>
      <c r="N151" s="24"/>
      <c r="O151" s="16"/>
      <c r="P151" s="23"/>
    </row>
    <row r="152" spans="1:16" s="19" customFormat="1" ht="16.5" customHeight="1" x14ac:dyDescent="0.25">
      <c r="A152" s="42"/>
      <c r="B152" s="41"/>
      <c r="C152" s="41"/>
      <c r="D152" s="41"/>
      <c r="E152" s="41"/>
      <c r="F152" s="41"/>
      <c r="G152" s="41"/>
      <c r="H152" s="41"/>
      <c r="I152" s="41"/>
      <c r="J152" s="23"/>
      <c r="K152" s="67"/>
      <c r="L152" s="68"/>
      <c r="M152" s="37"/>
      <c r="N152" s="24"/>
      <c r="O152" s="16"/>
      <c r="P152" s="23"/>
    </row>
    <row r="153" spans="1:16" s="19" customFormat="1" ht="16.5" customHeight="1" x14ac:dyDescent="0.25">
      <c r="A153" s="42"/>
      <c r="B153" s="41"/>
      <c r="C153" s="41"/>
      <c r="D153" s="41"/>
      <c r="E153" s="41"/>
      <c r="F153" s="41"/>
      <c r="G153" s="41"/>
      <c r="H153" s="41"/>
      <c r="I153" s="41"/>
      <c r="J153" s="23"/>
      <c r="K153" s="67"/>
      <c r="L153" s="68"/>
      <c r="M153" s="37"/>
      <c r="N153" s="24"/>
      <c r="O153" s="16"/>
      <c r="P153" s="23"/>
    </row>
    <row r="154" spans="1:16" s="19" customFormat="1" ht="16.5" customHeight="1" x14ac:dyDescent="0.25">
      <c r="A154" s="42"/>
      <c r="B154" s="41"/>
      <c r="C154" s="41"/>
      <c r="D154" s="41"/>
      <c r="E154" s="41"/>
      <c r="F154" s="41"/>
      <c r="G154" s="41"/>
      <c r="H154" s="41"/>
      <c r="I154" s="41"/>
      <c r="J154" s="23"/>
      <c r="K154" s="67"/>
      <c r="L154" s="68"/>
      <c r="M154" s="37"/>
      <c r="N154" s="24"/>
      <c r="O154" s="16"/>
      <c r="P154" s="23"/>
    </row>
    <row r="155" spans="1:16" s="19" customFormat="1" ht="16.5" customHeight="1" x14ac:dyDescent="0.25">
      <c r="A155" s="42"/>
      <c r="B155" s="41"/>
      <c r="C155" s="41"/>
      <c r="D155" s="41"/>
      <c r="E155" s="41"/>
      <c r="F155" s="41"/>
      <c r="G155" s="41"/>
      <c r="H155" s="41"/>
      <c r="I155" s="41"/>
      <c r="J155" s="23"/>
      <c r="K155" s="67"/>
      <c r="L155" s="68"/>
      <c r="M155" s="37"/>
      <c r="N155" s="24"/>
      <c r="O155" s="16"/>
      <c r="P155" s="23"/>
    </row>
    <row r="156" spans="1:16" s="19" customFormat="1" ht="16.5" customHeight="1" x14ac:dyDescent="0.25">
      <c r="A156" s="42"/>
      <c r="B156" s="41"/>
      <c r="C156" s="41"/>
      <c r="D156" s="41"/>
      <c r="E156" s="41"/>
      <c r="F156" s="41"/>
      <c r="G156" s="41"/>
      <c r="H156" s="41"/>
      <c r="I156" s="41"/>
      <c r="J156" s="23"/>
      <c r="K156" s="67"/>
      <c r="L156" s="68"/>
      <c r="M156" s="37"/>
      <c r="N156" s="24"/>
      <c r="O156" s="16"/>
      <c r="P156" s="23"/>
    </row>
    <row r="157" spans="1:16" s="19" customFormat="1" ht="16.5" customHeight="1" x14ac:dyDescent="0.25">
      <c r="A157" s="42"/>
      <c r="B157" s="41"/>
      <c r="C157" s="41"/>
      <c r="D157" s="41"/>
      <c r="E157" s="41"/>
      <c r="F157" s="41"/>
      <c r="G157" s="41"/>
      <c r="H157" s="41"/>
      <c r="I157" s="41"/>
      <c r="J157" s="23"/>
      <c r="K157" s="67"/>
      <c r="L157" s="68"/>
      <c r="M157" s="37"/>
      <c r="N157" s="24"/>
      <c r="O157" s="16"/>
      <c r="P157" s="23"/>
    </row>
    <row r="158" spans="1:16" s="19" customFormat="1" ht="16.5" customHeight="1" x14ac:dyDescent="0.25">
      <c r="A158" s="42"/>
      <c r="B158" s="41"/>
      <c r="C158" s="41"/>
      <c r="D158" s="41"/>
      <c r="E158" s="41"/>
      <c r="F158" s="41"/>
      <c r="G158" s="41"/>
      <c r="H158" s="41"/>
      <c r="I158" s="41"/>
      <c r="J158" s="23"/>
      <c r="K158" s="67"/>
      <c r="L158" s="68"/>
      <c r="M158" s="37"/>
      <c r="N158" s="24"/>
      <c r="O158" s="16"/>
      <c r="P158" s="23"/>
    </row>
    <row r="159" spans="1:16" s="19" customFormat="1" ht="16.5" customHeight="1" x14ac:dyDescent="0.25">
      <c r="A159" s="42"/>
      <c r="B159" s="41"/>
      <c r="C159" s="41"/>
      <c r="D159" s="41"/>
      <c r="E159" s="41"/>
      <c r="F159" s="41"/>
      <c r="G159" s="41"/>
      <c r="H159" s="41"/>
      <c r="I159" s="41"/>
      <c r="J159" s="23"/>
      <c r="K159" s="67"/>
      <c r="L159" s="68"/>
      <c r="M159" s="37"/>
      <c r="N159" s="24"/>
      <c r="O159" s="16"/>
      <c r="P159" s="23"/>
    </row>
    <row r="160" spans="1:16" s="19" customFormat="1" ht="16.5" customHeight="1" x14ac:dyDescent="0.25">
      <c r="A160" s="42"/>
      <c r="B160" s="41"/>
      <c r="C160" s="41"/>
      <c r="D160" s="41"/>
      <c r="E160" s="41"/>
      <c r="F160" s="41"/>
      <c r="G160" s="41"/>
      <c r="H160" s="41"/>
      <c r="I160" s="41"/>
      <c r="J160" s="23"/>
      <c r="K160" s="67"/>
      <c r="L160" s="68"/>
      <c r="M160" s="37"/>
      <c r="N160" s="24"/>
      <c r="O160" s="16"/>
      <c r="P160" s="23"/>
    </row>
    <row r="161" spans="1:16" s="19" customFormat="1" ht="16.5" customHeight="1" x14ac:dyDescent="0.25">
      <c r="A161" s="42"/>
      <c r="B161" s="41"/>
      <c r="C161" s="41"/>
      <c r="D161" s="41"/>
      <c r="E161" s="41"/>
      <c r="F161" s="41"/>
      <c r="G161" s="41"/>
      <c r="H161" s="41"/>
      <c r="I161" s="41"/>
      <c r="J161" s="23"/>
      <c r="K161" s="67"/>
      <c r="L161" s="68"/>
      <c r="M161" s="37"/>
      <c r="N161" s="24"/>
      <c r="O161" s="16"/>
      <c r="P161" s="23"/>
    </row>
    <row r="162" spans="1:16" s="19" customFormat="1" ht="16.5" customHeight="1" x14ac:dyDescent="0.25">
      <c r="A162" s="42"/>
      <c r="B162" s="41"/>
      <c r="C162" s="41"/>
      <c r="D162" s="41"/>
      <c r="E162" s="41"/>
      <c r="F162" s="41"/>
      <c r="G162" s="41"/>
      <c r="H162" s="41"/>
      <c r="I162" s="41"/>
      <c r="J162" s="23"/>
      <c r="K162" s="67"/>
      <c r="L162" s="68"/>
      <c r="M162" s="37"/>
      <c r="N162" s="24"/>
      <c r="O162" s="16"/>
      <c r="P162" s="23"/>
    </row>
    <row r="163" spans="1:16" s="19" customFormat="1" ht="16.5" customHeight="1" x14ac:dyDescent="0.25">
      <c r="A163" s="42"/>
      <c r="B163" s="41"/>
      <c r="C163" s="41"/>
      <c r="D163" s="41"/>
      <c r="E163" s="41"/>
      <c r="F163" s="41"/>
      <c r="G163" s="41"/>
      <c r="H163" s="41"/>
      <c r="I163" s="41"/>
      <c r="J163" s="23"/>
      <c r="K163" s="67"/>
      <c r="L163" s="68"/>
      <c r="M163" s="37"/>
      <c r="N163" s="24"/>
      <c r="O163" s="16"/>
      <c r="P163" s="23"/>
    </row>
    <row r="164" spans="1:16" s="19" customFormat="1" ht="16.5" customHeight="1" x14ac:dyDescent="0.25">
      <c r="A164" s="42"/>
      <c r="B164" s="41"/>
      <c r="C164" s="41"/>
      <c r="D164" s="41"/>
      <c r="E164" s="41"/>
      <c r="F164" s="41"/>
      <c r="G164" s="41"/>
      <c r="H164" s="41"/>
      <c r="I164" s="41"/>
      <c r="J164" s="23"/>
      <c r="K164" s="67"/>
      <c r="L164" s="68"/>
      <c r="M164" s="37"/>
      <c r="N164" s="24"/>
      <c r="O164" s="16"/>
      <c r="P164" s="23"/>
    </row>
    <row r="165" spans="1:16" s="19" customFormat="1" ht="16.5" customHeight="1" x14ac:dyDescent="0.25">
      <c r="A165" s="42"/>
      <c r="B165" s="41"/>
      <c r="C165" s="41"/>
      <c r="D165" s="41"/>
      <c r="E165" s="41"/>
      <c r="F165" s="41"/>
      <c r="G165" s="41"/>
      <c r="H165" s="41"/>
      <c r="I165" s="41"/>
      <c r="J165" s="23"/>
      <c r="K165" s="67"/>
      <c r="L165" s="68"/>
      <c r="M165" s="37"/>
      <c r="N165" s="24"/>
      <c r="O165" s="16"/>
      <c r="P165" s="23"/>
    </row>
    <row r="166" spans="1:16" s="19" customFormat="1" ht="16.5" customHeight="1" x14ac:dyDescent="0.25">
      <c r="A166" s="42"/>
      <c r="B166" s="41"/>
      <c r="C166" s="41"/>
      <c r="D166" s="41"/>
      <c r="E166" s="41"/>
      <c r="F166" s="41"/>
      <c r="G166" s="41"/>
      <c r="H166" s="41"/>
      <c r="I166" s="41"/>
      <c r="J166" s="23"/>
      <c r="K166" s="67"/>
      <c r="L166" s="68"/>
      <c r="M166" s="37"/>
      <c r="N166" s="24"/>
      <c r="O166" s="16"/>
      <c r="P166" s="23"/>
    </row>
    <row r="167" spans="1:16" s="19" customFormat="1" ht="16.5" customHeight="1" x14ac:dyDescent="0.25">
      <c r="A167" s="42"/>
      <c r="B167" s="41"/>
      <c r="C167" s="41"/>
      <c r="D167" s="41"/>
      <c r="E167" s="41"/>
      <c r="F167" s="41"/>
      <c r="G167" s="41"/>
      <c r="H167" s="41"/>
      <c r="I167" s="41"/>
      <c r="J167" s="23"/>
      <c r="K167" s="67"/>
      <c r="L167" s="68"/>
      <c r="M167" s="37"/>
      <c r="N167" s="24"/>
      <c r="O167" s="16"/>
      <c r="P167" s="23"/>
    </row>
    <row r="168" spans="1:16" s="19" customFormat="1" ht="16.5" customHeight="1" x14ac:dyDescent="0.25">
      <c r="A168" s="42"/>
      <c r="B168" s="41"/>
      <c r="C168" s="41"/>
      <c r="D168" s="41"/>
      <c r="E168" s="41"/>
      <c r="F168" s="41"/>
      <c r="G168" s="41"/>
      <c r="H168" s="41"/>
      <c r="I168" s="41"/>
      <c r="J168" s="23"/>
      <c r="K168" s="67"/>
      <c r="L168" s="68"/>
      <c r="M168" s="37"/>
      <c r="N168" s="24"/>
      <c r="O168" s="16"/>
      <c r="P168" s="23"/>
    </row>
    <row r="169" spans="1:16" s="19" customFormat="1" ht="16.5" customHeight="1" x14ac:dyDescent="0.25">
      <c r="A169" s="42"/>
      <c r="B169" s="41"/>
      <c r="C169" s="41"/>
      <c r="D169" s="41"/>
      <c r="E169" s="41"/>
      <c r="F169" s="41"/>
      <c r="G169" s="41"/>
      <c r="H169" s="41"/>
      <c r="I169" s="41"/>
      <c r="J169" s="23"/>
      <c r="K169" s="67"/>
      <c r="L169" s="68"/>
      <c r="M169" s="37"/>
      <c r="N169" s="24"/>
      <c r="O169" s="16"/>
      <c r="P169" s="23"/>
    </row>
    <row r="170" spans="1:16" s="19" customFormat="1" ht="16.5" customHeight="1" x14ac:dyDescent="0.25">
      <c r="A170" s="42"/>
      <c r="B170" s="41"/>
      <c r="C170" s="41"/>
      <c r="D170" s="41"/>
      <c r="E170" s="41"/>
      <c r="F170" s="41"/>
      <c r="G170" s="41"/>
      <c r="H170" s="41"/>
      <c r="I170" s="41"/>
      <c r="J170" s="23"/>
      <c r="K170" s="67"/>
      <c r="L170" s="68"/>
      <c r="M170" s="37"/>
      <c r="N170" s="24"/>
      <c r="O170" s="16"/>
      <c r="P170" s="23"/>
    </row>
    <row r="171" spans="1:16" s="19" customFormat="1" ht="16.5" customHeight="1" x14ac:dyDescent="0.25">
      <c r="A171" s="42"/>
      <c r="B171" s="41"/>
      <c r="C171" s="41"/>
      <c r="D171" s="41"/>
      <c r="E171" s="41"/>
      <c r="F171" s="41"/>
      <c r="G171" s="41"/>
      <c r="H171" s="41"/>
      <c r="I171" s="41"/>
      <c r="J171" s="23"/>
      <c r="K171" s="67"/>
      <c r="L171" s="68"/>
      <c r="M171" s="37"/>
      <c r="N171" s="24"/>
      <c r="O171" s="16"/>
      <c r="P171" s="23"/>
    </row>
    <row r="172" spans="1:16" s="19" customFormat="1" ht="16.5" customHeight="1" x14ac:dyDescent="0.25">
      <c r="A172" s="42"/>
      <c r="B172" s="41"/>
      <c r="C172" s="41"/>
      <c r="D172" s="41"/>
      <c r="E172" s="41"/>
      <c r="F172" s="41"/>
      <c r="G172" s="41"/>
      <c r="H172" s="41"/>
      <c r="I172" s="41"/>
      <c r="J172" s="23"/>
      <c r="K172" s="67"/>
      <c r="L172" s="68"/>
      <c r="M172" s="37"/>
      <c r="N172" s="24"/>
      <c r="O172" s="16"/>
      <c r="P172" s="23"/>
    </row>
    <row r="173" spans="1:16" s="19" customFormat="1" ht="16.5" customHeight="1" x14ac:dyDescent="0.25">
      <c r="A173" s="42"/>
      <c r="B173" s="41"/>
      <c r="C173" s="41"/>
      <c r="D173" s="41"/>
      <c r="E173" s="41"/>
      <c r="F173" s="41"/>
      <c r="G173" s="41"/>
      <c r="H173" s="41"/>
      <c r="I173" s="41"/>
      <c r="J173" s="23"/>
      <c r="K173" s="67"/>
      <c r="L173" s="68"/>
      <c r="M173" s="37"/>
      <c r="N173" s="24"/>
      <c r="O173" s="16"/>
      <c r="P173" s="23"/>
    </row>
    <row r="174" spans="1:16" s="19" customFormat="1" ht="16.5" customHeight="1" x14ac:dyDescent="0.25">
      <c r="A174" s="42"/>
      <c r="B174" s="41"/>
      <c r="C174" s="41"/>
      <c r="D174" s="41"/>
      <c r="E174" s="41"/>
      <c r="F174" s="41"/>
      <c r="G174" s="41"/>
      <c r="H174" s="41"/>
      <c r="I174" s="41"/>
      <c r="J174" s="23"/>
      <c r="K174" s="67"/>
      <c r="L174" s="68"/>
      <c r="M174" s="37"/>
      <c r="N174" s="24"/>
      <c r="O174" s="16"/>
      <c r="P174" s="23"/>
    </row>
    <row r="175" spans="1:16" s="19" customFormat="1" ht="16.5" customHeight="1" x14ac:dyDescent="0.25">
      <c r="A175" s="42"/>
      <c r="B175" s="41"/>
      <c r="C175" s="41"/>
      <c r="D175" s="41"/>
      <c r="E175" s="41"/>
      <c r="F175" s="41"/>
      <c r="G175" s="41"/>
      <c r="H175" s="41"/>
      <c r="I175" s="41"/>
      <c r="J175" s="23"/>
      <c r="K175" s="67"/>
      <c r="L175" s="68"/>
      <c r="M175" s="37"/>
      <c r="N175" s="24"/>
      <c r="O175" s="16"/>
      <c r="P175" s="23"/>
    </row>
    <row r="176" spans="1:16" s="19" customFormat="1" ht="16.5" customHeight="1" x14ac:dyDescent="0.25">
      <c r="A176" s="42"/>
      <c r="B176" s="41"/>
      <c r="C176" s="41"/>
      <c r="D176" s="41"/>
      <c r="E176" s="41"/>
      <c r="F176" s="41"/>
      <c r="G176" s="41"/>
      <c r="H176" s="41"/>
      <c r="I176" s="41"/>
      <c r="J176" s="23"/>
      <c r="K176" s="67"/>
      <c r="L176" s="68"/>
      <c r="M176" s="37"/>
      <c r="N176" s="24"/>
      <c r="O176" s="16"/>
      <c r="P176" s="23"/>
    </row>
    <row r="177" spans="1:16" s="19" customFormat="1" ht="16.5" customHeight="1" x14ac:dyDescent="0.25">
      <c r="A177" s="42"/>
      <c r="B177" s="41"/>
      <c r="C177" s="41"/>
      <c r="D177" s="41"/>
      <c r="E177" s="41"/>
      <c r="F177" s="41"/>
      <c r="G177" s="41"/>
      <c r="H177" s="41"/>
      <c r="I177" s="41"/>
      <c r="J177" s="23"/>
      <c r="K177" s="67"/>
      <c r="L177" s="68"/>
      <c r="M177" s="37"/>
      <c r="N177" s="24"/>
      <c r="O177" s="16"/>
      <c r="P177" s="23"/>
    </row>
    <row r="178" spans="1:16" s="19" customFormat="1" ht="16.5" customHeight="1" x14ac:dyDescent="0.25">
      <c r="A178" s="44"/>
      <c r="B178" s="45"/>
      <c r="C178" s="45"/>
      <c r="D178" s="45"/>
      <c r="E178" s="45"/>
      <c r="F178" s="45"/>
      <c r="G178" s="45"/>
      <c r="H178" s="45"/>
      <c r="I178" s="45"/>
      <c r="J178" s="85"/>
      <c r="K178" s="70"/>
      <c r="L178" s="71"/>
      <c r="M178" s="38"/>
      <c r="N178" s="83"/>
      <c r="O178" s="84"/>
      <c r="P178" s="85"/>
    </row>
    <row r="179" spans="1:16" s="19" customFormat="1" ht="16.5" customHeight="1" x14ac:dyDescent="0.25">
      <c r="A179" s="10" t="s">
        <v>45</v>
      </c>
      <c r="B179" s="252"/>
      <c r="C179" s="252"/>
      <c r="D179" s="252"/>
      <c r="E179" s="252"/>
      <c r="F179" s="252"/>
      <c r="G179" s="252"/>
      <c r="H179" s="252"/>
      <c r="I179" s="252"/>
      <c r="J179" s="21"/>
      <c r="K179" s="65"/>
      <c r="L179" s="66"/>
      <c r="M179" s="36"/>
      <c r="N179" s="22"/>
      <c r="O179" s="20"/>
      <c r="P179" s="23"/>
    </row>
    <row r="180" spans="1:16" ht="16.5" customHeight="1" x14ac:dyDescent="0.25">
      <c r="A180" s="46" t="s">
        <v>46</v>
      </c>
      <c r="B180" s="47"/>
      <c r="C180" s="47"/>
      <c r="D180" s="47"/>
      <c r="E180" s="47"/>
      <c r="F180" s="47"/>
      <c r="G180" s="47"/>
      <c r="H180" s="47"/>
      <c r="I180" s="47"/>
      <c r="J180" s="27"/>
      <c r="K180" s="72"/>
      <c r="L180" s="73"/>
      <c r="M180" s="11" t="s">
        <v>486</v>
      </c>
      <c r="N180" s="25"/>
      <c r="O180" s="26"/>
      <c r="P180" s="27"/>
    </row>
    <row r="181" spans="1:16" ht="16.5" customHeight="1" x14ac:dyDescent="0.25">
      <c r="A181" s="48"/>
      <c r="B181" s="39" t="s">
        <v>83</v>
      </c>
      <c r="C181" s="39"/>
      <c r="D181" s="39"/>
      <c r="E181" s="39"/>
      <c r="F181" s="39"/>
      <c r="G181" s="39"/>
      <c r="H181" s="39"/>
      <c r="I181" s="39"/>
      <c r="J181" s="29"/>
      <c r="K181" s="86" t="s">
        <v>101</v>
      </c>
      <c r="L181" s="87" t="s">
        <v>101</v>
      </c>
      <c r="M181" s="12" t="s">
        <v>615</v>
      </c>
      <c r="N181" s="28"/>
      <c r="P181" s="29"/>
    </row>
    <row r="182" spans="1:16" ht="16.5" customHeight="1" x14ac:dyDescent="0.25">
      <c r="A182" s="48"/>
      <c r="B182" s="39" t="s">
        <v>485</v>
      </c>
      <c r="C182" s="39"/>
      <c r="D182" s="39"/>
      <c r="E182" s="39"/>
      <c r="F182" s="39"/>
      <c r="G182" s="39"/>
      <c r="H182" s="39"/>
      <c r="I182" s="39"/>
      <c r="J182" s="29"/>
      <c r="K182" s="86" t="s">
        <v>101</v>
      </c>
      <c r="L182" s="87" t="s">
        <v>101</v>
      </c>
      <c r="M182" s="12" t="s">
        <v>487</v>
      </c>
      <c r="N182" s="28"/>
      <c r="P182" s="29"/>
    </row>
    <row r="183" spans="1:16" ht="16.5" customHeight="1" x14ac:dyDescent="0.25">
      <c r="A183" s="48"/>
      <c r="B183" s="39" t="s">
        <v>84</v>
      </c>
      <c r="C183" s="39"/>
      <c r="D183" s="39"/>
      <c r="E183" s="39"/>
      <c r="F183" s="39"/>
      <c r="G183" s="39"/>
      <c r="H183" s="39"/>
      <c r="I183" s="39"/>
      <c r="J183" s="29"/>
      <c r="K183" s="86" t="s">
        <v>101</v>
      </c>
      <c r="L183" s="87" t="s">
        <v>101</v>
      </c>
      <c r="M183" s="12" t="s">
        <v>488</v>
      </c>
      <c r="N183" s="28"/>
      <c r="P183" s="29"/>
    </row>
    <row r="184" spans="1:16" ht="16.5" customHeight="1" x14ac:dyDescent="0.25">
      <c r="A184" s="48"/>
      <c r="B184" s="39"/>
      <c r="C184" s="39"/>
      <c r="D184" s="39"/>
      <c r="E184" s="39"/>
      <c r="F184" s="39"/>
      <c r="G184" s="39"/>
      <c r="H184" s="39"/>
      <c r="I184" s="39"/>
      <c r="J184" s="29"/>
      <c r="L184" s="69"/>
      <c r="M184" s="12" t="s">
        <v>589</v>
      </c>
      <c r="N184" s="28"/>
      <c r="P184" s="29"/>
    </row>
    <row r="185" spans="1:16" ht="16.5" customHeight="1" x14ac:dyDescent="0.25">
      <c r="A185" s="48"/>
      <c r="B185" s="39"/>
      <c r="C185" s="308" t="s">
        <v>9</v>
      </c>
      <c r="D185" s="309"/>
      <c r="E185" s="312" t="s">
        <v>10</v>
      </c>
      <c r="F185" s="314" t="s">
        <v>11</v>
      </c>
      <c r="G185" s="314"/>
      <c r="H185" s="314"/>
      <c r="I185" s="312" t="s">
        <v>14</v>
      </c>
      <c r="J185" s="29"/>
      <c r="L185" s="69"/>
      <c r="M185" s="12" t="s">
        <v>489</v>
      </c>
      <c r="N185" s="28"/>
      <c r="P185" s="29"/>
    </row>
    <row r="186" spans="1:16" ht="16.5" customHeight="1" x14ac:dyDescent="0.25">
      <c r="A186" s="48"/>
      <c r="B186" s="39"/>
      <c r="C186" s="310"/>
      <c r="D186" s="311"/>
      <c r="E186" s="313"/>
      <c r="F186" s="49"/>
      <c r="G186" s="81" t="s">
        <v>12</v>
      </c>
      <c r="H186" s="82" t="s">
        <v>13</v>
      </c>
      <c r="I186" s="313"/>
      <c r="J186" s="29"/>
      <c r="L186" s="69"/>
      <c r="M186" s="12" t="s">
        <v>490</v>
      </c>
      <c r="N186" s="28"/>
      <c r="P186" s="29"/>
    </row>
    <row r="187" spans="1:16" ht="16.5" customHeight="1" x14ac:dyDescent="0.25">
      <c r="A187" s="48"/>
      <c r="B187" s="39"/>
      <c r="C187" s="50" t="s">
        <v>0</v>
      </c>
      <c r="D187" s="51"/>
      <c r="E187" s="91"/>
      <c r="F187" s="92"/>
      <c r="G187" s="93"/>
      <c r="H187" s="94"/>
      <c r="I187" s="52" t="str">
        <f t="shared" ref="I187:I198" si="0">IF(F187="","",F187-E187)</f>
        <v/>
      </c>
      <c r="J187" s="29"/>
      <c r="L187" s="69"/>
      <c r="M187" s="12" t="s">
        <v>491</v>
      </c>
      <c r="N187" s="28"/>
      <c r="P187" s="29"/>
    </row>
    <row r="188" spans="1:16" ht="16.5" customHeight="1" x14ac:dyDescent="0.25">
      <c r="A188" s="48"/>
      <c r="B188" s="39"/>
      <c r="C188" s="53" t="s">
        <v>15</v>
      </c>
      <c r="D188" s="54"/>
      <c r="E188" s="95"/>
      <c r="F188" s="96"/>
      <c r="G188" s="97"/>
      <c r="H188" s="98"/>
      <c r="I188" s="55" t="str">
        <f t="shared" si="0"/>
        <v/>
      </c>
      <c r="J188" s="29"/>
      <c r="L188" s="69"/>
      <c r="M188" s="12" t="s">
        <v>492</v>
      </c>
      <c r="N188" s="28"/>
      <c r="P188" s="29"/>
    </row>
    <row r="189" spans="1:16" ht="16.5" customHeight="1" x14ac:dyDescent="0.25">
      <c r="A189" s="48"/>
      <c r="B189" s="39"/>
      <c r="C189" s="53" t="s">
        <v>16</v>
      </c>
      <c r="D189" s="54"/>
      <c r="E189" s="95"/>
      <c r="F189" s="96"/>
      <c r="G189" s="97"/>
      <c r="H189" s="98"/>
      <c r="I189" s="55" t="str">
        <f t="shared" si="0"/>
        <v/>
      </c>
      <c r="J189" s="29"/>
      <c r="L189" s="69"/>
      <c r="M189" s="12" t="s">
        <v>590</v>
      </c>
      <c r="N189" s="28"/>
      <c r="P189" s="29"/>
    </row>
    <row r="190" spans="1:16" ht="16.5" customHeight="1" x14ac:dyDescent="0.25">
      <c r="A190" s="48"/>
      <c r="B190" s="39"/>
      <c r="C190" s="267" t="s">
        <v>560</v>
      </c>
      <c r="D190" s="54"/>
      <c r="E190" s="95"/>
      <c r="F190" s="96"/>
      <c r="G190" s="97"/>
      <c r="H190" s="98"/>
      <c r="I190" s="55" t="str">
        <f t="shared" si="0"/>
        <v/>
      </c>
      <c r="J190" s="29"/>
      <c r="L190" s="69"/>
      <c r="M190" s="12" t="s">
        <v>493</v>
      </c>
      <c r="N190" s="28"/>
      <c r="P190" s="29"/>
    </row>
    <row r="191" spans="1:16" ht="16.5" customHeight="1" x14ac:dyDescent="0.25">
      <c r="A191" s="48"/>
      <c r="B191" s="39"/>
      <c r="C191" s="53" t="s">
        <v>18</v>
      </c>
      <c r="D191" s="54"/>
      <c r="E191" s="95"/>
      <c r="F191" s="96"/>
      <c r="G191" s="97"/>
      <c r="H191" s="98"/>
      <c r="I191" s="55" t="str">
        <f t="shared" si="0"/>
        <v/>
      </c>
      <c r="J191" s="29"/>
      <c r="L191" s="69"/>
      <c r="M191" s="12"/>
      <c r="N191" s="28"/>
      <c r="P191" s="29"/>
    </row>
    <row r="192" spans="1:16" ht="16.5" customHeight="1" x14ac:dyDescent="0.25">
      <c r="A192" s="48"/>
      <c r="B192" s="39"/>
      <c r="C192" s="53" t="s">
        <v>19</v>
      </c>
      <c r="D192" s="54"/>
      <c r="E192" s="95"/>
      <c r="F192" s="96"/>
      <c r="G192" s="97"/>
      <c r="H192" s="98"/>
      <c r="I192" s="55" t="str">
        <f t="shared" si="0"/>
        <v/>
      </c>
      <c r="J192" s="29"/>
      <c r="L192" s="69"/>
      <c r="M192" s="12"/>
      <c r="N192" s="28"/>
      <c r="P192" s="29"/>
    </row>
    <row r="193" spans="1:16" ht="16.5" customHeight="1" x14ac:dyDescent="0.25">
      <c r="A193" s="48"/>
      <c r="B193" s="39"/>
      <c r="C193" s="315" t="s">
        <v>20</v>
      </c>
      <c r="D193" s="316"/>
      <c r="E193" s="95"/>
      <c r="F193" s="96"/>
      <c r="G193" s="97"/>
      <c r="H193" s="98"/>
      <c r="I193" s="55" t="str">
        <f t="shared" si="0"/>
        <v/>
      </c>
      <c r="J193" s="29"/>
      <c r="L193" s="69"/>
      <c r="M193" s="12"/>
      <c r="N193" s="28"/>
      <c r="P193" s="29"/>
    </row>
    <row r="194" spans="1:16" ht="16.5" customHeight="1" x14ac:dyDescent="0.25">
      <c r="A194" s="48"/>
      <c r="B194" s="39"/>
      <c r="C194" s="315" t="s">
        <v>20</v>
      </c>
      <c r="D194" s="316"/>
      <c r="E194" s="95"/>
      <c r="F194" s="96"/>
      <c r="G194" s="97"/>
      <c r="H194" s="98"/>
      <c r="I194" s="55" t="str">
        <f t="shared" si="0"/>
        <v/>
      </c>
      <c r="J194" s="29"/>
      <c r="L194" s="69"/>
      <c r="M194" s="12"/>
      <c r="N194" s="28"/>
      <c r="P194" s="29"/>
    </row>
    <row r="195" spans="1:16" ht="16.5" customHeight="1" x14ac:dyDescent="0.25">
      <c r="A195" s="48"/>
      <c r="B195" s="39"/>
      <c r="C195" s="315" t="s">
        <v>20</v>
      </c>
      <c r="D195" s="316"/>
      <c r="E195" s="95"/>
      <c r="F195" s="96"/>
      <c r="G195" s="97"/>
      <c r="H195" s="98"/>
      <c r="I195" s="55" t="str">
        <f t="shared" si="0"/>
        <v/>
      </c>
      <c r="J195" s="29"/>
      <c r="L195" s="69"/>
      <c r="M195" s="12"/>
      <c r="N195" s="28"/>
      <c r="P195" s="29"/>
    </row>
    <row r="196" spans="1:16" ht="16.5" customHeight="1" x14ac:dyDescent="0.25">
      <c r="A196" s="48"/>
      <c r="B196" s="39"/>
      <c r="C196" s="315" t="s">
        <v>20</v>
      </c>
      <c r="D196" s="316"/>
      <c r="E196" s="95"/>
      <c r="F196" s="96"/>
      <c r="G196" s="97"/>
      <c r="H196" s="98"/>
      <c r="I196" s="55" t="str">
        <f t="shared" si="0"/>
        <v/>
      </c>
      <c r="J196" s="29"/>
      <c r="L196" s="69"/>
      <c r="M196" s="12"/>
      <c r="N196" s="28"/>
      <c r="P196" s="29"/>
    </row>
    <row r="197" spans="1:16" ht="16.5" customHeight="1" x14ac:dyDescent="0.25">
      <c r="A197" s="48"/>
      <c r="B197" s="39"/>
      <c r="C197" s="315" t="s">
        <v>20</v>
      </c>
      <c r="D197" s="316"/>
      <c r="E197" s="95"/>
      <c r="F197" s="96"/>
      <c r="G197" s="97"/>
      <c r="H197" s="98"/>
      <c r="I197" s="55" t="str">
        <f t="shared" si="0"/>
        <v/>
      </c>
      <c r="J197" s="29"/>
      <c r="L197" s="69"/>
      <c r="M197" s="12"/>
      <c r="N197" s="28"/>
      <c r="P197" s="29"/>
    </row>
    <row r="198" spans="1:16" ht="16.5" customHeight="1" x14ac:dyDescent="0.25">
      <c r="A198" s="48"/>
      <c r="B198" s="39"/>
      <c r="C198" s="317" t="s">
        <v>20</v>
      </c>
      <c r="D198" s="318"/>
      <c r="E198" s="99"/>
      <c r="F198" s="100"/>
      <c r="G198" s="101"/>
      <c r="H198" s="102"/>
      <c r="I198" s="56" t="str">
        <f t="shared" si="0"/>
        <v/>
      </c>
      <c r="J198" s="29"/>
      <c r="L198" s="69"/>
      <c r="M198" s="12"/>
      <c r="N198" s="28"/>
      <c r="P198" s="29"/>
    </row>
    <row r="199" spans="1:16" ht="16.5" customHeight="1" x14ac:dyDescent="0.25">
      <c r="A199" s="48"/>
      <c r="B199" s="39"/>
      <c r="C199" s="39"/>
      <c r="D199" s="39"/>
      <c r="E199" s="39"/>
      <c r="F199" s="39"/>
      <c r="G199" s="39"/>
      <c r="H199" s="39"/>
      <c r="I199" s="39"/>
      <c r="J199" s="29"/>
      <c r="L199" s="69"/>
      <c r="M199" s="12"/>
      <c r="N199" s="28"/>
      <c r="P199" s="29"/>
    </row>
    <row r="200" spans="1:16" ht="16.5" customHeight="1" x14ac:dyDescent="0.25">
      <c r="A200" s="48"/>
      <c r="B200" s="39"/>
      <c r="C200" s="39"/>
      <c r="D200" s="39"/>
      <c r="E200" s="39"/>
      <c r="F200" s="39"/>
      <c r="G200" s="39"/>
      <c r="H200" s="39"/>
      <c r="I200" s="39"/>
      <c r="J200" s="29"/>
      <c r="L200" s="69"/>
      <c r="M200" s="12"/>
      <c r="N200" s="28"/>
      <c r="P200" s="29"/>
    </row>
    <row r="201" spans="1:16" ht="16.5" customHeight="1" x14ac:dyDescent="0.25">
      <c r="A201" s="48"/>
      <c r="B201" s="39"/>
      <c r="C201" s="39"/>
      <c r="D201" s="39"/>
      <c r="E201" s="39"/>
      <c r="F201" s="39"/>
      <c r="G201" s="39"/>
      <c r="H201" s="39"/>
      <c r="I201" s="39"/>
      <c r="J201" s="29"/>
      <c r="L201" s="69"/>
      <c r="M201" s="12"/>
      <c r="N201" s="28"/>
      <c r="P201" s="29"/>
    </row>
    <row r="202" spans="1:16" ht="16.5" customHeight="1" x14ac:dyDescent="0.25">
      <c r="A202" s="48"/>
      <c r="B202" s="39"/>
      <c r="C202" s="39"/>
      <c r="D202" s="39"/>
      <c r="E202" s="39"/>
      <c r="F202" s="39"/>
      <c r="G202" s="39"/>
      <c r="H202" s="39"/>
      <c r="I202" s="39"/>
      <c r="J202" s="29"/>
      <c r="L202" s="69"/>
      <c r="M202" s="12"/>
      <c r="N202" s="28"/>
      <c r="P202" s="29"/>
    </row>
    <row r="203" spans="1:16" ht="16.5" customHeight="1" x14ac:dyDescent="0.25">
      <c r="A203" s="48"/>
      <c r="B203" s="39"/>
      <c r="C203" s="39"/>
      <c r="D203" s="39"/>
      <c r="E203" s="39"/>
      <c r="F203" s="39"/>
      <c r="G203" s="39"/>
      <c r="H203" s="39"/>
      <c r="I203" s="39"/>
      <c r="J203" s="29"/>
      <c r="L203" s="69"/>
      <c r="M203" s="12"/>
      <c r="N203" s="28"/>
      <c r="P203" s="29"/>
    </row>
    <row r="204" spans="1:16" ht="16.5" customHeight="1" x14ac:dyDescent="0.25">
      <c r="A204" s="48"/>
      <c r="B204" s="39"/>
      <c r="C204" s="39"/>
      <c r="D204" s="39"/>
      <c r="E204" s="39"/>
      <c r="F204" s="39"/>
      <c r="G204" s="39"/>
      <c r="H204" s="39"/>
      <c r="I204" s="39"/>
      <c r="J204" s="29"/>
      <c r="L204" s="69"/>
      <c r="M204" s="12"/>
      <c r="N204" s="28"/>
      <c r="P204" s="29"/>
    </row>
    <row r="205" spans="1:16" ht="16.5" customHeight="1" x14ac:dyDescent="0.25">
      <c r="A205" s="48"/>
      <c r="B205" s="39"/>
      <c r="C205" s="39"/>
      <c r="D205" s="39"/>
      <c r="E205" s="39"/>
      <c r="F205" s="39"/>
      <c r="G205" s="39"/>
      <c r="H205" s="39"/>
      <c r="I205" s="39"/>
      <c r="J205" s="29"/>
      <c r="L205" s="69"/>
      <c r="M205" s="12"/>
      <c r="N205" s="28"/>
      <c r="P205" s="29"/>
    </row>
    <row r="206" spans="1:16" ht="16.5" customHeight="1" x14ac:dyDescent="0.25">
      <c r="A206" s="48"/>
      <c r="B206" s="39"/>
      <c r="C206" s="39"/>
      <c r="D206" s="39"/>
      <c r="E206" s="39"/>
      <c r="F206" s="39"/>
      <c r="G206" s="39"/>
      <c r="H206" s="39"/>
      <c r="I206" s="39"/>
      <c r="J206" s="29"/>
      <c r="L206" s="69"/>
      <c r="M206" s="12"/>
      <c r="N206" s="28"/>
      <c r="P206" s="29"/>
    </row>
    <row r="207" spans="1:16" ht="16.5" customHeight="1" x14ac:dyDescent="0.25">
      <c r="A207" s="48"/>
      <c r="B207" s="39"/>
      <c r="C207" s="39"/>
      <c r="D207" s="39"/>
      <c r="E207" s="39"/>
      <c r="F207" s="39"/>
      <c r="G207" s="39"/>
      <c r="H207" s="39"/>
      <c r="I207" s="39"/>
      <c r="J207" s="29"/>
      <c r="L207" s="69"/>
      <c r="M207" s="12"/>
      <c r="N207" s="28"/>
      <c r="P207" s="29"/>
    </row>
    <row r="208" spans="1:16" ht="16.5" customHeight="1" x14ac:dyDescent="0.25">
      <c r="A208" s="48"/>
      <c r="B208" s="39"/>
      <c r="C208" s="39"/>
      <c r="D208" s="39"/>
      <c r="E208" s="39"/>
      <c r="F208" s="39"/>
      <c r="G208" s="39"/>
      <c r="H208" s="39"/>
      <c r="I208" s="39"/>
      <c r="J208" s="29"/>
      <c r="L208" s="69"/>
      <c r="M208" s="12"/>
      <c r="N208" s="28"/>
      <c r="P208" s="29"/>
    </row>
    <row r="209" spans="1:16" ht="16.5" customHeight="1" x14ac:dyDescent="0.25">
      <c r="A209" s="48"/>
      <c r="B209" s="39"/>
      <c r="C209" s="39"/>
      <c r="D209" s="39"/>
      <c r="E209" s="39"/>
      <c r="F209" s="39"/>
      <c r="G209" s="39"/>
      <c r="H209" s="39"/>
      <c r="I209" s="39"/>
      <c r="J209" s="29"/>
      <c r="L209" s="69"/>
      <c r="M209" s="12"/>
      <c r="N209" s="28"/>
      <c r="P209" s="29"/>
    </row>
    <row r="210" spans="1:16" ht="16.5" customHeight="1" x14ac:dyDescent="0.25">
      <c r="A210" s="48"/>
      <c r="B210" s="39"/>
      <c r="C210" s="39"/>
      <c r="D210" s="39"/>
      <c r="E210" s="39"/>
      <c r="F210" s="39"/>
      <c r="G210" s="39"/>
      <c r="H210" s="39"/>
      <c r="I210" s="39"/>
      <c r="J210" s="29"/>
      <c r="L210" s="69"/>
      <c r="M210" s="12"/>
      <c r="N210" s="28"/>
      <c r="P210" s="29"/>
    </row>
    <row r="211" spans="1:16" ht="16.5" customHeight="1" x14ac:dyDescent="0.25">
      <c r="A211" s="48"/>
      <c r="B211" s="39"/>
      <c r="C211" s="39"/>
      <c r="D211" s="39"/>
      <c r="E211" s="39"/>
      <c r="F211" s="39"/>
      <c r="G211" s="39"/>
      <c r="H211" s="39"/>
      <c r="I211" s="39"/>
      <c r="J211" s="29"/>
      <c r="L211" s="69"/>
      <c r="M211" s="12"/>
      <c r="N211" s="28"/>
      <c r="P211" s="29"/>
    </row>
    <row r="212" spans="1:16" ht="16.5" customHeight="1" x14ac:dyDescent="0.25">
      <c r="A212" s="48"/>
      <c r="B212" s="39"/>
      <c r="C212" s="39"/>
      <c r="D212" s="39"/>
      <c r="E212" s="39"/>
      <c r="F212" s="39"/>
      <c r="G212" s="39"/>
      <c r="H212" s="39"/>
      <c r="I212" s="39"/>
      <c r="J212" s="29"/>
      <c r="L212" s="69"/>
      <c r="M212" s="12"/>
      <c r="N212" s="28"/>
      <c r="P212" s="29"/>
    </row>
    <row r="213" spans="1:16" ht="16.5" customHeight="1" x14ac:dyDescent="0.25">
      <c r="A213" s="48"/>
      <c r="B213" s="39"/>
      <c r="C213" s="39"/>
      <c r="D213" s="39"/>
      <c r="E213" s="39"/>
      <c r="F213" s="39"/>
      <c r="G213" s="39"/>
      <c r="H213" s="39"/>
      <c r="I213" s="39"/>
      <c r="J213" s="29"/>
      <c r="L213" s="69"/>
      <c r="M213" s="12"/>
      <c r="N213" s="28"/>
      <c r="P213" s="29"/>
    </row>
    <row r="214" spans="1:16" ht="16.5" customHeight="1" x14ac:dyDescent="0.25">
      <c r="A214" s="48"/>
      <c r="B214" s="39"/>
      <c r="C214" s="39"/>
      <c r="D214" s="39"/>
      <c r="E214" s="39"/>
      <c r="F214" s="39"/>
      <c r="G214" s="39"/>
      <c r="H214" s="39"/>
      <c r="I214" s="39"/>
      <c r="J214" s="29"/>
      <c r="L214" s="69"/>
      <c r="M214" s="12"/>
      <c r="N214" s="28"/>
      <c r="P214" s="29"/>
    </row>
    <row r="215" spans="1:16" ht="16.5" customHeight="1" x14ac:dyDescent="0.25">
      <c r="A215" s="48"/>
      <c r="B215" s="39"/>
      <c r="C215" s="39"/>
      <c r="D215" s="39"/>
      <c r="E215" s="39"/>
      <c r="F215" s="39"/>
      <c r="G215" s="39"/>
      <c r="H215" s="39"/>
      <c r="I215" s="39"/>
      <c r="J215" s="29"/>
      <c r="L215" s="69"/>
      <c r="M215" s="12"/>
      <c r="N215" s="28"/>
      <c r="P215" s="29"/>
    </row>
    <row r="216" spans="1:16" ht="16.5" customHeight="1" x14ac:dyDescent="0.25">
      <c r="A216" s="48"/>
      <c r="B216" s="39"/>
      <c r="C216" s="39"/>
      <c r="D216" s="39"/>
      <c r="E216" s="39"/>
      <c r="F216" s="39"/>
      <c r="G216" s="39"/>
      <c r="H216" s="39"/>
      <c r="I216" s="39"/>
      <c r="J216" s="29"/>
      <c r="L216" s="69"/>
      <c r="M216" s="12"/>
      <c r="N216" s="28"/>
      <c r="P216" s="29"/>
    </row>
    <row r="217" spans="1:16" ht="16.5" customHeight="1" x14ac:dyDescent="0.25">
      <c r="A217" s="48"/>
      <c r="B217" s="39"/>
      <c r="C217" s="39"/>
      <c r="D217" s="39"/>
      <c r="E217" s="39"/>
      <c r="F217" s="39"/>
      <c r="G217" s="39"/>
      <c r="H217" s="39"/>
      <c r="I217" s="39"/>
      <c r="J217" s="29"/>
      <c r="L217" s="69"/>
      <c r="M217" s="12"/>
      <c r="N217" s="28"/>
      <c r="P217" s="29"/>
    </row>
    <row r="218" spans="1:16" ht="16.5" customHeight="1" x14ac:dyDescent="0.25">
      <c r="A218" s="48"/>
      <c r="B218" s="39"/>
      <c r="C218" s="39"/>
      <c r="D218" s="39"/>
      <c r="E218" s="39"/>
      <c r="F218" s="39"/>
      <c r="G218" s="39"/>
      <c r="H218" s="39"/>
      <c r="I218" s="39"/>
      <c r="J218" s="29"/>
      <c r="L218" s="69"/>
      <c r="M218" s="12"/>
      <c r="N218" s="28"/>
      <c r="P218" s="29"/>
    </row>
    <row r="219" spans="1:16" ht="16.5" customHeight="1" x14ac:dyDescent="0.25">
      <c r="A219" s="48"/>
      <c r="B219" s="39"/>
      <c r="C219" s="39"/>
      <c r="D219" s="39"/>
      <c r="E219" s="39"/>
      <c r="F219" s="39"/>
      <c r="G219" s="39"/>
      <c r="H219" s="39"/>
      <c r="I219" s="39"/>
      <c r="J219" s="29"/>
      <c r="L219" s="69"/>
      <c r="M219" s="12"/>
      <c r="N219" s="28"/>
      <c r="P219" s="29"/>
    </row>
    <row r="220" spans="1:16" ht="16.5" customHeight="1" x14ac:dyDescent="0.25">
      <c r="A220" s="48"/>
      <c r="B220" s="39"/>
      <c r="C220" s="39"/>
      <c r="D220" s="39"/>
      <c r="E220" s="39"/>
      <c r="F220" s="39"/>
      <c r="G220" s="39"/>
      <c r="H220" s="39"/>
      <c r="I220" s="39"/>
      <c r="J220" s="29"/>
      <c r="L220" s="69"/>
      <c r="M220" s="12"/>
      <c r="N220" s="28"/>
      <c r="P220" s="29"/>
    </row>
    <row r="221" spans="1:16" ht="16.5" customHeight="1" x14ac:dyDescent="0.25">
      <c r="A221" s="48"/>
      <c r="B221" s="39"/>
      <c r="C221" s="39"/>
      <c r="D221" s="39"/>
      <c r="E221" s="39"/>
      <c r="F221" s="39"/>
      <c r="G221" s="39"/>
      <c r="H221" s="39"/>
      <c r="I221" s="39"/>
      <c r="J221" s="29"/>
      <c r="L221" s="69"/>
      <c r="M221" s="12"/>
      <c r="N221" s="28"/>
      <c r="P221" s="29"/>
    </row>
    <row r="222" spans="1:16" ht="16.5" customHeight="1" x14ac:dyDescent="0.25">
      <c r="A222" s="48"/>
      <c r="B222" s="39"/>
      <c r="C222" s="39"/>
      <c r="D222" s="39"/>
      <c r="E222" s="39"/>
      <c r="F222" s="39"/>
      <c r="G222" s="39"/>
      <c r="H222" s="39"/>
      <c r="I222" s="39"/>
      <c r="J222" s="29"/>
      <c r="L222" s="69"/>
      <c r="M222" s="12"/>
      <c r="N222" s="28"/>
      <c r="P222" s="29"/>
    </row>
    <row r="223" spans="1:16" ht="16.5" customHeight="1" x14ac:dyDescent="0.25">
      <c r="A223" s="48"/>
      <c r="B223" s="39"/>
      <c r="C223" s="39"/>
      <c r="D223" s="39"/>
      <c r="E223" s="39"/>
      <c r="F223" s="39"/>
      <c r="G223" s="39"/>
      <c r="H223" s="39"/>
      <c r="I223" s="39"/>
      <c r="J223" s="29"/>
      <c r="L223" s="69"/>
      <c r="M223" s="12"/>
      <c r="N223" s="28"/>
      <c r="P223" s="29"/>
    </row>
    <row r="224" spans="1:16" ht="16.5" customHeight="1" x14ac:dyDescent="0.25">
      <c r="A224" s="48"/>
      <c r="B224" s="39"/>
      <c r="C224" s="39"/>
      <c r="D224" s="39"/>
      <c r="E224" s="39"/>
      <c r="F224" s="39"/>
      <c r="G224" s="39"/>
      <c r="H224" s="39"/>
      <c r="I224" s="39"/>
      <c r="J224" s="29"/>
      <c r="L224" s="69"/>
      <c r="M224" s="12"/>
      <c r="N224" s="28"/>
      <c r="P224" s="29"/>
    </row>
    <row r="225" spans="1:16" ht="16.5" customHeight="1" x14ac:dyDescent="0.25">
      <c r="A225" s="58"/>
      <c r="B225" s="59"/>
      <c r="C225" s="59"/>
      <c r="D225" s="59"/>
      <c r="E225" s="59"/>
      <c r="F225" s="59"/>
      <c r="G225" s="59"/>
      <c r="H225" s="59"/>
      <c r="I225" s="59"/>
      <c r="J225" s="32"/>
      <c r="K225" s="74"/>
      <c r="L225" s="75"/>
      <c r="M225" s="13"/>
      <c r="N225" s="30"/>
      <c r="O225" s="31"/>
      <c r="P225" s="29"/>
    </row>
    <row r="226" spans="1:16" ht="16.5" customHeight="1" x14ac:dyDescent="0.25">
      <c r="A226" s="46"/>
      <c r="B226" s="47"/>
      <c r="C226" s="47"/>
      <c r="D226" s="47"/>
      <c r="E226" s="47"/>
      <c r="F226" s="47"/>
      <c r="G226" s="47"/>
      <c r="H226" s="47"/>
      <c r="I226" s="47"/>
      <c r="J226" s="27"/>
      <c r="K226" s="72"/>
      <c r="L226" s="73"/>
      <c r="M226" s="11"/>
      <c r="N226" s="25"/>
      <c r="O226" s="26"/>
      <c r="P226" s="29"/>
    </row>
    <row r="227" spans="1:16" ht="16.5" customHeight="1" x14ac:dyDescent="0.25">
      <c r="A227" s="48"/>
      <c r="B227" s="39"/>
      <c r="C227" s="39"/>
      <c r="D227" s="39"/>
      <c r="E227" s="39"/>
      <c r="F227" s="39"/>
      <c r="G227" s="39"/>
      <c r="H227" s="39"/>
      <c r="I227" s="39"/>
      <c r="J227" s="29"/>
      <c r="L227" s="69"/>
      <c r="M227" s="12"/>
      <c r="N227" s="28"/>
      <c r="P227" s="29"/>
    </row>
    <row r="228" spans="1:16" ht="16.5" customHeight="1" x14ac:dyDescent="0.25">
      <c r="A228" s="48"/>
      <c r="B228" s="39"/>
      <c r="C228" s="39"/>
      <c r="D228" s="39"/>
      <c r="E228" s="39"/>
      <c r="F228" s="39"/>
      <c r="G228" s="39"/>
      <c r="H228" s="39"/>
      <c r="I228" s="39"/>
      <c r="J228" s="29"/>
      <c r="L228" s="69"/>
      <c r="M228" s="12"/>
      <c r="N228" s="28"/>
      <c r="P228" s="29"/>
    </row>
    <row r="229" spans="1:16" ht="16.5" customHeight="1" x14ac:dyDescent="0.25">
      <c r="A229" s="48"/>
      <c r="B229" s="39"/>
      <c r="C229" s="39"/>
      <c r="D229" s="39"/>
      <c r="E229" s="39"/>
      <c r="F229" s="39"/>
      <c r="G229" s="39"/>
      <c r="H229" s="39"/>
      <c r="I229" s="39"/>
      <c r="J229" s="29"/>
      <c r="L229" s="69"/>
      <c r="M229" s="12"/>
      <c r="N229" s="28"/>
      <c r="P229" s="29"/>
    </row>
    <row r="230" spans="1:16" ht="16.5" customHeight="1" x14ac:dyDescent="0.25">
      <c r="A230" s="48"/>
      <c r="B230" s="39"/>
      <c r="C230" s="39"/>
      <c r="D230" s="39"/>
      <c r="E230" s="39"/>
      <c r="F230" s="39"/>
      <c r="G230" s="39"/>
      <c r="H230" s="39"/>
      <c r="I230" s="39"/>
      <c r="J230" s="29"/>
      <c r="L230" s="69"/>
      <c r="M230" s="12"/>
      <c r="N230" s="28"/>
      <c r="P230" s="29"/>
    </row>
    <row r="231" spans="1:16" ht="16.5" customHeight="1" x14ac:dyDescent="0.25">
      <c r="A231" s="48"/>
      <c r="B231" s="39"/>
      <c r="C231" s="39"/>
      <c r="D231" s="39"/>
      <c r="E231" s="39"/>
      <c r="F231" s="39"/>
      <c r="G231" s="39"/>
      <c r="H231" s="39"/>
      <c r="I231" s="39"/>
      <c r="J231" s="29"/>
      <c r="L231" s="69"/>
      <c r="M231" s="12"/>
      <c r="N231" s="28"/>
      <c r="P231" s="29"/>
    </row>
    <row r="232" spans="1:16" ht="16.5" customHeight="1" x14ac:dyDescent="0.25">
      <c r="A232" s="48"/>
      <c r="B232" s="39"/>
      <c r="C232" s="39"/>
      <c r="D232" s="39"/>
      <c r="E232" s="39"/>
      <c r="F232" s="39"/>
      <c r="G232" s="39"/>
      <c r="H232" s="39"/>
      <c r="I232" s="39"/>
      <c r="J232" s="29"/>
      <c r="L232" s="69"/>
      <c r="M232" s="12"/>
      <c r="N232" s="28"/>
      <c r="P232" s="29"/>
    </row>
    <row r="233" spans="1:16" ht="16.5" customHeight="1" x14ac:dyDescent="0.25">
      <c r="A233" s="48"/>
      <c r="B233" s="39"/>
      <c r="C233" s="39"/>
      <c r="D233" s="39"/>
      <c r="E233" s="39"/>
      <c r="F233" s="39"/>
      <c r="G233" s="39"/>
      <c r="H233" s="39"/>
      <c r="I233" s="39"/>
      <c r="J233" s="29"/>
      <c r="L233" s="69"/>
      <c r="M233" s="12"/>
      <c r="N233" s="28"/>
      <c r="P233" s="29"/>
    </row>
    <row r="234" spans="1:16" ht="16.5" customHeight="1" x14ac:dyDescent="0.25">
      <c r="A234" s="48"/>
      <c r="B234" s="39"/>
      <c r="C234" s="39"/>
      <c r="D234" s="39"/>
      <c r="E234" s="39"/>
      <c r="F234" s="39"/>
      <c r="G234" s="39"/>
      <c r="H234" s="39"/>
      <c r="I234" s="39"/>
      <c r="J234" s="29"/>
      <c r="L234" s="69"/>
      <c r="M234" s="12"/>
      <c r="N234" s="28"/>
      <c r="P234" s="29"/>
    </row>
    <row r="235" spans="1:16" ht="16.5" customHeight="1" x14ac:dyDescent="0.25">
      <c r="A235" s="48"/>
      <c r="B235" s="39"/>
      <c r="C235" s="39"/>
      <c r="D235" s="39"/>
      <c r="E235" s="39"/>
      <c r="F235" s="39"/>
      <c r="G235" s="39"/>
      <c r="H235" s="39"/>
      <c r="I235" s="39"/>
      <c r="J235" s="29"/>
      <c r="L235" s="69"/>
      <c r="M235" s="12"/>
      <c r="N235" s="28"/>
      <c r="P235" s="29"/>
    </row>
    <row r="236" spans="1:16" ht="16.5" customHeight="1" x14ac:dyDescent="0.25">
      <c r="A236" s="48"/>
      <c r="B236" s="39"/>
      <c r="C236" s="39"/>
      <c r="D236" s="39"/>
      <c r="E236" s="39"/>
      <c r="F236" s="39"/>
      <c r="G236" s="39"/>
      <c r="H236" s="39"/>
      <c r="I236" s="39"/>
      <c r="J236" s="29"/>
      <c r="L236" s="69"/>
      <c r="M236" s="12"/>
      <c r="N236" s="28"/>
      <c r="P236" s="29"/>
    </row>
    <row r="237" spans="1:16" ht="16.5" customHeight="1" x14ac:dyDescent="0.25">
      <c r="A237" s="48"/>
      <c r="B237" s="39"/>
      <c r="C237" s="39"/>
      <c r="D237" s="39"/>
      <c r="E237" s="39"/>
      <c r="F237" s="39"/>
      <c r="G237" s="39"/>
      <c r="H237" s="39"/>
      <c r="I237" s="39"/>
      <c r="J237" s="29"/>
      <c r="L237" s="69"/>
      <c r="M237" s="12"/>
      <c r="N237" s="28"/>
      <c r="P237" s="29"/>
    </row>
    <row r="238" spans="1:16" ht="16.5" customHeight="1" x14ac:dyDescent="0.25">
      <c r="A238" s="48"/>
      <c r="B238" s="39"/>
      <c r="C238" s="39"/>
      <c r="D238" s="39"/>
      <c r="E238" s="39"/>
      <c r="F238" s="39"/>
      <c r="G238" s="39"/>
      <c r="H238" s="39"/>
      <c r="I238" s="39"/>
      <c r="J238" s="29"/>
      <c r="L238" s="69"/>
      <c r="M238" s="12"/>
      <c r="N238" s="28"/>
      <c r="P238" s="29"/>
    </row>
    <row r="239" spans="1:16" ht="16.5" customHeight="1" x14ac:dyDescent="0.25">
      <c r="A239" s="48"/>
      <c r="B239" s="39"/>
      <c r="C239" s="39"/>
      <c r="D239" s="39"/>
      <c r="E239" s="39"/>
      <c r="F239" s="39"/>
      <c r="G239" s="39"/>
      <c r="H239" s="39"/>
      <c r="I239" s="39"/>
      <c r="J239" s="29"/>
      <c r="L239" s="69"/>
      <c r="M239" s="12"/>
      <c r="N239" s="28"/>
      <c r="P239" s="29"/>
    </row>
    <row r="240" spans="1:16" ht="16.5" customHeight="1" x14ac:dyDescent="0.25">
      <c r="A240" s="48"/>
      <c r="B240" s="39"/>
      <c r="C240" s="39"/>
      <c r="D240" s="39"/>
      <c r="E240" s="39"/>
      <c r="F240" s="39"/>
      <c r="G240" s="39"/>
      <c r="H240" s="39"/>
      <c r="I240" s="39"/>
      <c r="J240" s="29"/>
      <c r="L240" s="69"/>
      <c r="M240" s="12"/>
      <c r="N240" s="28"/>
      <c r="P240" s="29"/>
    </row>
    <row r="241" spans="1:16" ht="16.5" customHeight="1" x14ac:dyDescent="0.25">
      <c r="A241" s="57" t="s">
        <v>47</v>
      </c>
      <c r="B241" s="39"/>
      <c r="C241" s="39"/>
      <c r="D241" s="39"/>
      <c r="E241" s="39"/>
      <c r="F241" s="39"/>
      <c r="G241" s="39"/>
      <c r="H241" s="39"/>
      <c r="I241" s="39"/>
      <c r="J241" s="29"/>
      <c r="L241" s="69"/>
      <c r="M241" s="12"/>
      <c r="N241" s="28"/>
      <c r="P241" s="29"/>
    </row>
    <row r="242" spans="1:16" ht="16.5" customHeight="1" x14ac:dyDescent="0.25">
      <c r="A242" s="48"/>
      <c r="B242" s="39" t="s">
        <v>85</v>
      </c>
      <c r="C242" s="39"/>
      <c r="D242" s="39"/>
      <c r="E242" s="39"/>
      <c r="F242" s="39"/>
      <c r="G242" s="39"/>
      <c r="H242" s="39"/>
      <c r="I242" s="39"/>
      <c r="J242" s="29"/>
      <c r="K242" s="257" t="s">
        <v>484</v>
      </c>
      <c r="L242" s="87" t="s">
        <v>101</v>
      </c>
      <c r="M242" s="12"/>
      <c r="N242" s="28"/>
      <c r="P242" s="29"/>
    </row>
    <row r="243" spans="1:16" ht="16.5" customHeight="1" x14ac:dyDescent="0.25">
      <c r="A243" s="48"/>
      <c r="B243" s="39" t="s">
        <v>154</v>
      </c>
      <c r="C243" s="39"/>
      <c r="D243" s="39"/>
      <c r="E243" s="39"/>
      <c r="F243" s="39"/>
      <c r="G243" s="39"/>
      <c r="H243" s="39"/>
      <c r="I243" s="39"/>
      <c r="J243" s="29"/>
      <c r="K243" s="86" t="s">
        <v>101</v>
      </c>
      <c r="L243" s="87" t="s">
        <v>101</v>
      </c>
      <c r="M243" s="12"/>
      <c r="N243" s="28"/>
      <c r="P243" s="29"/>
    </row>
    <row r="244" spans="1:16" ht="16.5" customHeight="1" x14ac:dyDescent="0.25">
      <c r="A244" s="48"/>
      <c r="B244" s="39" t="s">
        <v>86</v>
      </c>
      <c r="C244" s="39"/>
      <c r="D244" s="39"/>
      <c r="E244" s="39"/>
      <c r="F244" s="39"/>
      <c r="G244" s="39"/>
      <c r="H244" s="39"/>
      <c r="I244" s="39"/>
      <c r="J244" s="29"/>
      <c r="K244" s="86" t="s">
        <v>101</v>
      </c>
      <c r="L244" s="87" t="s">
        <v>101</v>
      </c>
      <c r="M244" s="12"/>
      <c r="N244" s="28"/>
      <c r="P244" s="29"/>
    </row>
    <row r="245" spans="1:16" ht="16.5" customHeight="1" x14ac:dyDescent="0.25">
      <c r="A245" s="48"/>
      <c r="B245" s="39"/>
      <c r="C245" s="39"/>
      <c r="D245" s="39"/>
      <c r="E245" s="39"/>
      <c r="F245" s="39"/>
      <c r="G245" s="39"/>
      <c r="H245" s="39"/>
      <c r="I245" s="39"/>
      <c r="J245" s="29"/>
      <c r="L245" s="69"/>
      <c r="M245" s="12"/>
      <c r="N245" s="28"/>
      <c r="P245" s="29"/>
    </row>
    <row r="246" spans="1:16" ht="16.5" customHeight="1" x14ac:dyDescent="0.25">
      <c r="A246" s="48"/>
      <c r="B246" s="39"/>
      <c r="C246" s="39"/>
      <c r="D246" s="39"/>
      <c r="E246" s="39"/>
      <c r="F246" s="39"/>
      <c r="G246" s="39"/>
      <c r="H246" s="39"/>
      <c r="I246" s="39"/>
      <c r="J246" s="29"/>
      <c r="L246" s="69"/>
      <c r="M246" s="12"/>
      <c r="N246" s="28"/>
      <c r="P246" s="29"/>
    </row>
    <row r="247" spans="1:16" ht="16.5" customHeight="1" x14ac:dyDescent="0.25">
      <c r="A247" s="48"/>
      <c r="B247" s="39"/>
      <c r="C247" s="39"/>
      <c r="D247" s="39"/>
      <c r="E247" s="39"/>
      <c r="F247" s="39"/>
      <c r="G247" s="39"/>
      <c r="H247" s="39"/>
      <c r="I247" s="39"/>
      <c r="J247" s="29"/>
      <c r="L247" s="69"/>
      <c r="M247" s="12"/>
      <c r="N247" s="28"/>
      <c r="P247" s="29"/>
    </row>
    <row r="248" spans="1:16" ht="16.5" customHeight="1" x14ac:dyDescent="0.25">
      <c r="A248" s="48"/>
      <c r="B248" s="39"/>
      <c r="C248" s="39"/>
      <c r="D248" s="39"/>
      <c r="E248" s="39"/>
      <c r="F248" s="39"/>
      <c r="G248" s="39"/>
      <c r="H248" s="39"/>
      <c r="I248" s="39"/>
      <c r="J248" s="29"/>
      <c r="L248" s="69"/>
      <c r="M248" s="12"/>
      <c r="N248" s="28"/>
      <c r="P248" s="29"/>
    </row>
    <row r="249" spans="1:16" ht="16.5" customHeight="1" x14ac:dyDescent="0.25">
      <c r="A249" s="48"/>
      <c r="B249" s="39"/>
      <c r="C249" s="39"/>
      <c r="D249" s="39"/>
      <c r="E249" s="39"/>
      <c r="F249" s="39"/>
      <c r="G249" s="39"/>
      <c r="H249" s="39"/>
      <c r="I249" s="39"/>
      <c r="J249" s="29"/>
      <c r="L249" s="69"/>
      <c r="M249" s="12"/>
      <c r="N249" s="28"/>
      <c r="P249" s="29"/>
    </row>
    <row r="250" spans="1:16" ht="16.5" customHeight="1" x14ac:dyDescent="0.25">
      <c r="A250" s="48"/>
      <c r="B250" s="39"/>
      <c r="C250" s="39"/>
      <c r="D250" s="39"/>
      <c r="E250" s="39"/>
      <c r="F250" s="39"/>
      <c r="G250" s="39"/>
      <c r="H250" s="39"/>
      <c r="I250" s="39"/>
      <c r="J250" s="29"/>
      <c r="L250" s="69"/>
      <c r="M250" s="12"/>
      <c r="N250" s="28"/>
      <c r="P250" s="29"/>
    </row>
    <row r="251" spans="1:16" ht="16.5" customHeight="1" x14ac:dyDescent="0.25">
      <c r="A251" s="48"/>
      <c r="B251" s="39"/>
      <c r="C251" s="39"/>
      <c r="D251" s="39"/>
      <c r="E251" s="39"/>
      <c r="F251" s="39"/>
      <c r="G251" s="39"/>
      <c r="H251" s="39"/>
      <c r="I251" s="39"/>
      <c r="J251" s="29"/>
      <c r="L251" s="69"/>
      <c r="M251" s="12"/>
      <c r="N251" s="28"/>
      <c r="P251" s="29"/>
    </row>
    <row r="252" spans="1:16" ht="16.5" customHeight="1" x14ac:dyDescent="0.25">
      <c r="A252" s="48"/>
      <c r="B252" s="39"/>
      <c r="C252" s="39"/>
      <c r="D252" s="39"/>
      <c r="E252" s="39"/>
      <c r="F252" s="39"/>
      <c r="G252" s="39"/>
      <c r="H252" s="39"/>
      <c r="I252" s="39"/>
      <c r="J252" s="29"/>
      <c r="L252" s="69"/>
      <c r="M252" s="12"/>
      <c r="N252" s="28"/>
      <c r="P252" s="29"/>
    </row>
    <row r="253" spans="1:16" ht="16.5" customHeight="1" x14ac:dyDescent="0.25">
      <c r="A253" s="48"/>
      <c r="B253" s="39"/>
      <c r="C253" s="39"/>
      <c r="D253" s="39"/>
      <c r="E253" s="39"/>
      <c r="F253" s="39"/>
      <c r="G253" s="39"/>
      <c r="H253" s="39"/>
      <c r="I253" s="39"/>
      <c r="J253" s="29"/>
      <c r="L253" s="69"/>
      <c r="M253" s="12"/>
      <c r="N253" s="28"/>
      <c r="P253" s="29"/>
    </row>
    <row r="254" spans="1:16" ht="16.5" customHeight="1" x14ac:dyDescent="0.25">
      <c r="A254" s="48"/>
      <c r="B254" s="39"/>
      <c r="C254" s="39"/>
      <c r="D254" s="39"/>
      <c r="E254" s="39"/>
      <c r="F254" s="39"/>
      <c r="G254" s="39"/>
      <c r="H254" s="39"/>
      <c r="I254" s="39"/>
      <c r="J254" s="29"/>
      <c r="L254" s="69"/>
      <c r="M254" s="12"/>
      <c r="N254" s="28"/>
      <c r="P254" s="29"/>
    </row>
    <row r="255" spans="1:16" ht="16.5" customHeight="1" x14ac:dyDescent="0.25">
      <c r="A255" s="48"/>
      <c r="B255" s="39"/>
      <c r="C255" s="39"/>
      <c r="D255" s="39"/>
      <c r="E255" s="39"/>
      <c r="F255" s="39"/>
      <c r="G255" s="39"/>
      <c r="H255" s="39"/>
      <c r="I255" s="39"/>
      <c r="J255" s="29"/>
      <c r="L255" s="69"/>
      <c r="M255" s="12"/>
      <c r="N255" s="28"/>
      <c r="P255" s="29"/>
    </row>
    <row r="256" spans="1:16" ht="16.5" customHeight="1" x14ac:dyDescent="0.25">
      <c r="A256" s="48"/>
      <c r="B256" s="39"/>
      <c r="C256" s="39"/>
      <c r="D256" s="39"/>
      <c r="E256" s="39"/>
      <c r="F256" s="39"/>
      <c r="G256" s="39"/>
      <c r="H256" s="39"/>
      <c r="I256" s="39"/>
      <c r="J256" s="29"/>
      <c r="L256" s="69"/>
      <c r="M256" s="12"/>
      <c r="N256" s="28"/>
      <c r="P256" s="29"/>
    </row>
    <row r="257" spans="1:16" ht="16.5" customHeight="1" x14ac:dyDescent="0.25">
      <c r="A257" s="48"/>
      <c r="B257" s="39"/>
      <c r="C257" s="39"/>
      <c r="D257" s="39"/>
      <c r="E257" s="39"/>
      <c r="F257" s="39"/>
      <c r="G257" s="39"/>
      <c r="H257" s="39"/>
      <c r="I257" s="39"/>
      <c r="J257" s="29"/>
      <c r="L257" s="69"/>
      <c r="M257" s="12"/>
      <c r="N257" s="28"/>
      <c r="P257" s="29"/>
    </row>
    <row r="258" spans="1:16" ht="16.5" customHeight="1" x14ac:dyDescent="0.25">
      <c r="A258" s="48"/>
      <c r="B258" s="39"/>
      <c r="C258" s="39"/>
      <c r="D258" s="39"/>
      <c r="E258" s="39"/>
      <c r="F258" s="39"/>
      <c r="G258" s="39"/>
      <c r="H258" s="39"/>
      <c r="I258" s="39"/>
      <c r="J258" s="29"/>
      <c r="L258" s="69"/>
      <c r="M258" s="12"/>
      <c r="N258" s="28"/>
      <c r="P258" s="29"/>
    </row>
    <row r="259" spans="1:16" ht="16.5" customHeight="1" x14ac:dyDescent="0.25">
      <c r="A259" s="48"/>
      <c r="B259" s="39"/>
      <c r="C259" s="39"/>
      <c r="D259" s="39"/>
      <c r="E259" s="39"/>
      <c r="F259" s="39"/>
      <c r="G259" s="39"/>
      <c r="H259" s="39"/>
      <c r="I259" s="39"/>
      <c r="J259" s="29"/>
      <c r="L259" s="69"/>
      <c r="M259" s="12"/>
      <c r="N259" s="28"/>
      <c r="P259" s="29"/>
    </row>
    <row r="260" spans="1:16" ht="16.5" customHeight="1" x14ac:dyDescent="0.25">
      <c r="A260" s="48"/>
      <c r="B260" s="39"/>
      <c r="C260" s="39"/>
      <c r="D260" s="39"/>
      <c r="E260" s="39"/>
      <c r="F260" s="39"/>
      <c r="G260" s="39"/>
      <c r="H260" s="39"/>
      <c r="I260" s="39"/>
      <c r="J260" s="29"/>
      <c r="L260" s="69"/>
      <c r="M260" s="12"/>
      <c r="N260" s="28"/>
      <c r="P260" s="29"/>
    </row>
    <row r="261" spans="1:16" ht="16.5" customHeight="1" x14ac:dyDescent="0.25">
      <c r="A261" s="48"/>
      <c r="B261" s="39"/>
      <c r="C261" s="39"/>
      <c r="D261" s="39"/>
      <c r="E261" s="39"/>
      <c r="F261" s="39"/>
      <c r="G261" s="39"/>
      <c r="H261" s="39"/>
      <c r="I261" s="39"/>
      <c r="J261" s="29"/>
      <c r="L261" s="69"/>
      <c r="M261" s="12"/>
      <c r="N261" s="28"/>
      <c r="P261" s="29"/>
    </row>
    <row r="262" spans="1:16" ht="16.5" customHeight="1" x14ac:dyDescent="0.25">
      <c r="A262" s="48"/>
      <c r="B262" s="39"/>
      <c r="C262" s="39"/>
      <c r="D262" s="39"/>
      <c r="E262" s="39"/>
      <c r="F262" s="39"/>
      <c r="G262" s="39"/>
      <c r="H262" s="39"/>
      <c r="I262" s="39"/>
      <c r="J262" s="29"/>
      <c r="L262" s="69"/>
      <c r="M262" s="12"/>
      <c r="N262" s="28"/>
      <c r="P262" s="29"/>
    </row>
    <row r="263" spans="1:16" ht="16.5" customHeight="1" x14ac:dyDescent="0.25">
      <c r="A263" s="48"/>
      <c r="B263" s="39"/>
      <c r="C263" s="39"/>
      <c r="D263" s="39"/>
      <c r="E263" s="39"/>
      <c r="F263" s="39"/>
      <c r="G263" s="39"/>
      <c r="H263" s="39"/>
      <c r="I263" s="39"/>
      <c r="J263" s="29"/>
      <c r="L263" s="69"/>
      <c r="M263" s="12"/>
      <c r="N263" s="28"/>
      <c r="P263" s="29"/>
    </row>
    <row r="264" spans="1:16" ht="16.5" customHeight="1" x14ac:dyDescent="0.25">
      <c r="A264" s="48"/>
      <c r="B264" s="39"/>
      <c r="C264" s="39"/>
      <c r="D264" s="39"/>
      <c r="E264" s="39"/>
      <c r="F264" s="39"/>
      <c r="G264" s="39"/>
      <c r="H264" s="39"/>
      <c r="I264" s="39"/>
      <c r="J264" s="29"/>
      <c r="L264" s="69"/>
      <c r="M264" s="12"/>
      <c r="N264" s="28"/>
      <c r="P264" s="29"/>
    </row>
    <row r="265" spans="1:16" ht="16.5" customHeight="1" x14ac:dyDescent="0.25">
      <c r="A265" s="48"/>
      <c r="B265" s="39"/>
      <c r="C265" s="39"/>
      <c r="D265" s="39"/>
      <c r="E265" s="39"/>
      <c r="F265" s="39"/>
      <c r="G265" s="39"/>
      <c r="H265" s="39"/>
      <c r="I265" s="39"/>
      <c r="J265" s="29"/>
      <c r="L265" s="69"/>
      <c r="M265" s="12"/>
      <c r="N265" s="28"/>
      <c r="P265" s="29"/>
    </row>
    <row r="266" spans="1:16" ht="16.5" customHeight="1" x14ac:dyDescent="0.25">
      <c r="A266" s="48"/>
      <c r="B266" s="39"/>
      <c r="C266" s="39"/>
      <c r="D266" s="39"/>
      <c r="E266" s="39"/>
      <c r="F266" s="39"/>
      <c r="G266" s="39"/>
      <c r="H266" s="39"/>
      <c r="I266" s="39"/>
      <c r="J266" s="29"/>
      <c r="L266" s="69"/>
      <c r="M266" s="12"/>
      <c r="N266" s="28"/>
      <c r="P266" s="29"/>
    </row>
    <row r="267" spans="1:16" ht="16.5" customHeight="1" x14ac:dyDescent="0.25">
      <c r="A267" s="48"/>
      <c r="B267" s="39"/>
      <c r="C267" s="39"/>
      <c r="D267" s="39"/>
      <c r="E267" s="39"/>
      <c r="F267" s="39"/>
      <c r="G267" s="39"/>
      <c r="H267" s="39"/>
      <c r="I267" s="39"/>
      <c r="J267" s="29"/>
      <c r="L267" s="69"/>
      <c r="M267" s="12"/>
      <c r="N267" s="28"/>
      <c r="P267" s="29"/>
    </row>
    <row r="268" spans="1:16" ht="16.149999999999999" x14ac:dyDescent="0.25">
      <c r="A268" s="48"/>
      <c r="B268" s="39"/>
      <c r="C268" s="39"/>
      <c r="D268" s="39"/>
      <c r="E268" s="39"/>
      <c r="F268" s="39"/>
      <c r="G268" s="39"/>
      <c r="H268" s="39"/>
      <c r="I268" s="39"/>
      <c r="J268" s="29"/>
      <c r="L268" s="69"/>
      <c r="M268" s="12"/>
      <c r="N268" s="28"/>
      <c r="P268" s="29"/>
    </row>
    <row r="269" spans="1:16" ht="16.5" customHeight="1" x14ac:dyDescent="0.25">
      <c r="A269" s="48"/>
      <c r="B269" s="39"/>
      <c r="C269" s="39"/>
      <c r="D269" s="39"/>
      <c r="E269" s="39"/>
      <c r="F269" s="39"/>
      <c r="G269" s="39"/>
      <c r="H269" s="39"/>
      <c r="I269" s="39"/>
      <c r="J269" s="29"/>
      <c r="L269" s="69"/>
      <c r="M269" s="12"/>
      <c r="N269" s="28"/>
      <c r="P269" s="29"/>
    </row>
    <row r="270" spans="1:16" ht="16.5" customHeight="1" x14ac:dyDescent="0.25">
      <c r="A270" s="48"/>
      <c r="B270" s="39"/>
      <c r="C270" s="39"/>
      <c r="D270" s="39"/>
      <c r="E270" s="39"/>
      <c r="F270" s="39"/>
      <c r="G270" s="39"/>
      <c r="H270" s="39"/>
      <c r="I270" s="39"/>
      <c r="J270" s="29"/>
      <c r="L270" s="69"/>
      <c r="M270" s="12"/>
      <c r="N270" s="28"/>
      <c r="P270" s="29"/>
    </row>
    <row r="271" spans="1:16" ht="16.5" customHeight="1" x14ac:dyDescent="0.25">
      <c r="A271" s="48"/>
      <c r="B271" s="39"/>
      <c r="C271" s="39"/>
      <c r="D271" s="39"/>
      <c r="E271" s="39"/>
      <c r="F271" s="39"/>
      <c r="G271" s="39"/>
      <c r="H271" s="39"/>
      <c r="I271" s="39"/>
      <c r="J271" s="29"/>
      <c r="L271" s="69"/>
      <c r="M271" s="12"/>
      <c r="N271" s="28"/>
      <c r="P271" s="29"/>
    </row>
    <row r="272" spans="1:16" ht="16.5" customHeight="1" x14ac:dyDescent="0.25">
      <c r="A272" s="58"/>
      <c r="B272" s="59"/>
      <c r="C272" s="59"/>
      <c r="D272" s="59"/>
      <c r="E272" s="59"/>
      <c r="F272" s="59"/>
      <c r="G272" s="59"/>
      <c r="H272" s="59"/>
      <c r="I272" s="59"/>
      <c r="J272" s="32"/>
      <c r="K272" s="74"/>
      <c r="L272" s="75"/>
      <c r="M272" s="13"/>
      <c r="N272" s="30"/>
      <c r="O272" s="31"/>
      <c r="P272" s="32"/>
    </row>
    <row r="273" spans="1:16" ht="16.5" customHeight="1" x14ac:dyDescent="0.25">
      <c r="A273" s="46" t="s">
        <v>223</v>
      </c>
      <c r="B273" s="47"/>
      <c r="C273" s="47"/>
      <c r="D273" s="47"/>
      <c r="E273" s="47"/>
      <c r="F273" s="47"/>
      <c r="G273" s="47"/>
      <c r="H273" s="47"/>
      <c r="I273" s="47"/>
      <c r="J273" s="27"/>
      <c r="K273" s="72"/>
      <c r="L273" s="73"/>
      <c r="M273" s="11"/>
      <c r="N273" s="25"/>
      <c r="O273" s="26"/>
      <c r="P273" s="27"/>
    </row>
    <row r="274" spans="1:16" ht="16.5" customHeight="1" x14ac:dyDescent="0.25">
      <c r="A274" s="48"/>
      <c r="B274" s="39" t="s">
        <v>621</v>
      </c>
      <c r="C274" s="39"/>
      <c r="D274" s="39"/>
      <c r="E274" s="39"/>
      <c r="F274" s="39"/>
      <c r="G274" s="39"/>
      <c r="H274" s="39"/>
      <c r="I274" s="39"/>
      <c r="J274" s="29"/>
      <c r="K274" s="86" t="s">
        <v>101</v>
      </c>
      <c r="L274" s="87" t="s">
        <v>101</v>
      </c>
      <c r="M274" s="12"/>
      <c r="N274" s="28"/>
      <c r="P274" s="29"/>
    </row>
    <row r="275" spans="1:16" ht="16.5" customHeight="1" x14ac:dyDescent="0.25">
      <c r="A275" s="48"/>
      <c r="B275" s="39" t="s">
        <v>54</v>
      </c>
      <c r="C275" s="39"/>
      <c r="D275" s="39"/>
      <c r="E275" s="39"/>
      <c r="F275" s="39"/>
      <c r="G275" s="39"/>
      <c r="H275" s="39"/>
      <c r="I275" s="39"/>
      <c r="J275" s="29"/>
      <c r="L275" s="69"/>
      <c r="M275" s="12"/>
      <c r="N275" s="28"/>
      <c r="P275" s="29"/>
    </row>
    <row r="276" spans="1:16" ht="16.5" customHeight="1" x14ac:dyDescent="0.25">
      <c r="A276" s="48"/>
      <c r="B276" s="39" t="s">
        <v>237</v>
      </c>
      <c r="C276" s="39"/>
      <c r="D276" s="39"/>
      <c r="E276" s="39"/>
      <c r="F276" s="39"/>
      <c r="G276" s="39"/>
      <c r="H276" s="39"/>
      <c r="I276" s="39"/>
      <c r="J276" s="29"/>
      <c r="K276" s="86" t="s">
        <v>101</v>
      </c>
      <c r="L276" s="87" t="s">
        <v>101</v>
      </c>
      <c r="M276" s="12"/>
      <c r="N276" s="28"/>
      <c r="P276" s="29"/>
    </row>
    <row r="277" spans="1:16" ht="16.5" customHeight="1" x14ac:dyDescent="0.25">
      <c r="A277" s="48"/>
      <c r="B277" s="39" t="s">
        <v>86</v>
      </c>
      <c r="C277" s="39"/>
      <c r="D277" s="39"/>
      <c r="E277" s="39"/>
      <c r="F277" s="39"/>
      <c r="G277" s="39"/>
      <c r="H277" s="39"/>
      <c r="I277" s="39"/>
      <c r="J277" s="29"/>
      <c r="K277" s="86" t="s">
        <v>101</v>
      </c>
      <c r="L277" s="87" t="s">
        <v>101</v>
      </c>
      <c r="M277" s="12"/>
      <c r="N277" s="28"/>
      <c r="P277" s="29"/>
    </row>
    <row r="278" spans="1:16" ht="16.5" customHeight="1" x14ac:dyDescent="0.25">
      <c r="A278" s="48"/>
      <c r="B278" s="39"/>
      <c r="C278" s="39"/>
      <c r="D278" s="39"/>
      <c r="E278" s="39"/>
      <c r="F278" s="39"/>
      <c r="G278" s="39"/>
      <c r="H278" s="39"/>
      <c r="I278" s="39"/>
      <c r="J278" s="29"/>
      <c r="K278" s="86"/>
      <c r="L278" s="87"/>
      <c r="M278" s="12"/>
      <c r="N278" s="28"/>
      <c r="P278" s="29"/>
    </row>
    <row r="279" spans="1:16" ht="16.5" customHeight="1" x14ac:dyDescent="0.25">
      <c r="A279" s="48"/>
      <c r="B279" s="39"/>
      <c r="C279" s="39"/>
      <c r="D279" s="39"/>
      <c r="E279" s="39"/>
      <c r="F279" s="39"/>
      <c r="G279" s="39"/>
      <c r="H279" s="39"/>
      <c r="I279" s="39"/>
      <c r="J279" s="29"/>
      <c r="L279" s="69"/>
      <c r="M279" s="12"/>
      <c r="N279" s="28"/>
      <c r="P279" s="29"/>
    </row>
    <row r="280" spans="1:16" ht="16.5" customHeight="1" x14ac:dyDescent="0.25">
      <c r="A280" s="48"/>
      <c r="B280" s="39"/>
      <c r="C280" s="39"/>
      <c r="D280" s="39"/>
      <c r="E280" s="39"/>
      <c r="F280" s="39"/>
      <c r="G280" s="39"/>
      <c r="H280" s="39"/>
      <c r="I280" s="39"/>
      <c r="J280" s="29"/>
      <c r="L280" s="69"/>
      <c r="M280" s="12"/>
      <c r="N280" s="28"/>
      <c r="P280" s="29"/>
    </row>
    <row r="281" spans="1:16" ht="16.5" customHeight="1" x14ac:dyDescent="0.25">
      <c r="A281" s="48"/>
      <c r="B281" s="39"/>
      <c r="C281" s="39"/>
      <c r="D281" s="39"/>
      <c r="E281" s="39"/>
      <c r="F281" s="39"/>
      <c r="G281" s="39"/>
      <c r="H281" s="39"/>
      <c r="I281" s="39"/>
      <c r="J281" s="29"/>
      <c r="L281" s="69"/>
      <c r="M281" s="12"/>
      <c r="N281" s="28"/>
      <c r="P281" s="29"/>
    </row>
    <row r="282" spans="1:16" ht="16.5" customHeight="1" x14ac:dyDescent="0.25">
      <c r="A282" s="48"/>
      <c r="B282" s="39"/>
      <c r="C282" s="39"/>
      <c r="D282" s="39"/>
      <c r="E282" s="39"/>
      <c r="F282" s="39"/>
      <c r="G282" s="39"/>
      <c r="H282" s="39"/>
      <c r="I282" s="39"/>
      <c r="J282" s="29"/>
      <c r="L282" s="69"/>
      <c r="M282" s="12"/>
      <c r="N282" s="28"/>
      <c r="P282" s="29"/>
    </row>
    <row r="283" spans="1:16" ht="16.5" customHeight="1" x14ac:dyDescent="0.25">
      <c r="A283" s="48"/>
      <c r="B283" s="39"/>
      <c r="C283" s="39"/>
      <c r="D283" s="39"/>
      <c r="E283" s="39"/>
      <c r="F283" s="39"/>
      <c r="G283" s="39"/>
      <c r="H283" s="39"/>
      <c r="I283" s="39"/>
      <c r="J283" s="29"/>
      <c r="L283" s="69"/>
      <c r="M283" s="12"/>
      <c r="N283" s="28"/>
      <c r="P283" s="29"/>
    </row>
    <row r="284" spans="1:16" ht="16.5" customHeight="1" x14ac:dyDescent="0.25">
      <c r="A284" s="48"/>
      <c r="B284" s="39"/>
      <c r="C284" s="39"/>
      <c r="D284" s="39"/>
      <c r="E284" s="39"/>
      <c r="F284" s="39"/>
      <c r="G284" s="39"/>
      <c r="H284" s="39"/>
      <c r="I284" s="39"/>
      <c r="J284" s="29"/>
      <c r="L284" s="69"/>
      <c r="M284" s="12"/>
      <c r="N284" s="28"/>
      <c r="P284" s="29"/>
    </row>
    <row r="285" spans="1:16" ht="16.5" customHeight="1" x14ac:dyDescent="0.25">
      <c r="A285" s="48"/>
      <c r="B285" s="39"/>
      <c r="C285" s="39"/>
      <c r="D285" s="39"/>
      <c r="E285" s="39"/>
      <c r="F285" s="39"/>
      <c r="G285" s="39"/>
      <c r="H285" s="39"/>
      <c r="I285" s="39"/>
      <c r="J285" s="29"/>
      <c r="L285" s="69"/>
      <c r="M285" s="12"/>
      <c r="N285" s="28"/>
      <c r="P285" s="29"/>
    </row>
    <row r="286" spans="1:16" ht="16.5" customHeight="1" x14ac:dyDescent="0.25">
      <c r="A286" s="48"/>
      <c r="B286" s="39"/>
      <c r="C286" s="39"/>
      <c r="D286" s="39"/>
      <c r="E286" s="39"/>
      <c r="F286" s="39"/>
      <c r="G286" s="39"/>
      <c r="H286" s="39"/>
      <c r="I286" s="39"/>
      <c r="J286" s="29"/>
      <c r="L286" s="69"/>
      <c r="M286" s="12"/>
      <c r="N286" s="28"/>
      <c r="P286" s="29"/>
    </row>
    <row r="287" spans="1:16" ht="16.5" customHeight="1" x14ac:dyDescent="0.25">
      <c r="A287" s="48"/>
      <c r="B287" s="39"/>
      <c r="C287" s="39"/>
      <c r="D287" s="39"/>
      <c r="E287" s="39"/>
      <c r="F287" s="39"/>
      <c r="G287" s="39"/>
      <c r="H287" s="39"/>
      <c r="I287" s="39"/>
      <c r="J287" s="29"/>
      <c r="L287" s="69"/>
      <c r="M287" s="12"/>
      <c r="N287" s="28"/>
      <c r="P287" s="29"/>
    </row>
    <row r="288" spans="1:16" ht="16.5" customHeight="1" x14ac:dyDescent="0.25">
      <c r="A288" s="48"/>
      <c r="B288" s="39"/>
      <c r="C288" s="39"/>
      <c r="D288" s="39"/>
      <c r="E288" s="39"/>
      <c r="F288" s="39"/>
      <c r="G288" s="39"/>
      <c r="H288" s="39"/>
      <c r="I288" s="39"/>
      <c r="J288" s="29"/>
      <c r="L288" s="69"/>
      <c r="M288" s="12"/>
      <c r="N288" s="28"/>
      <c r="P288" s="29"/>
    </row>
    <row r="289" spans="1:16" ht="16.5" customHeight="1" x14ac:dyDescent="0.25">
      <c r="A289" s="48"/>
      <c r="B289" s="39"/>
      <c r="C289" s="39"/>
      <c r="D289" s="39"/>
      <c r="E289" s="39"/>
      <c r="F289" s="39"/>
      <c r="G289" s="39"/>
      <c r="H289" s="39"/>
      <c r="I289" s="39"/>
      <c r="J289" s="29"/>
      <c r="L289" s="69"/>
      <c r="M289" s="12"/>
      <c r="N289" s="28"/>
      <c r="P289" s="29"/>
    </row>
    <row r="290" spans="1:16" ht="16.5" customHeight="1" x14ac:dyDescent="0.25">
      <c r="A290" s="48"/>
      <c r="B290" s="39"/>
      <c r="C290" s="39"/>
      <c r="D290" s="39"/>
      <c r="E290" s="39"/>
      <c r="F290" s="39"/>
      <c r="G290" s="39"/>
      <c r="H290" s="39"/>
      <c r="I290" s="39"/>
      <c r="J290" s="29"/>
      <c r="L290" s="69"/>
      <c r="M290" s="12"/>
      <c r="N290" s="28"/>
      <c r="P290" s="29"/>
    </row>
    <row r="291" spans="1:16" ht="16.5" customHeight="1" x14ac:dyDescent="0.25">
      <c r="A291" s="48"/>
      <c r="B291" s="39"/>
      <c r="C291" s="39"/>
      <c r="D291" s="39"/>
      <c r="E291" s="39"/>
      <c r="F291" s="39"/>
      <c r="G291" s="39"/>
      <c r="H291" s="39"/>
      <c r="I291" s="39"/>
      <c r="J291" s="29"/>
      <c r="L291" s="69"/>
      <c r="M291" s="12"/>
      <c r="N291" s="28"/>
      <c r="P291" s="29"/>
    </row>
    <row r="292" spans="1:16" ht="16.5" customHeight="1" x14ac:dyDescent="0.25">
      <c r="A292" s="48"/>
      <c r="B292" s="39"/>
      <c r="C292" s="39"/>
      <c r="D292" s="39"/>
      <c r="E292" s="39"/>
      <c r="F292" s="39"/>
      <c r="G292" s="39"/>
      <c r="H292" s="39"/>
      <c r="I292" s="39"/>
      <c r="J292" s="29"/>
      <c r="L292" s="69"/>
      <c r="M292" s="12"/>
      <c r="N292" s="28"/>
      <c r="P292" s="29"/>
    </row>
    <row r="293" spans="1:16" ht="16.5" customHeight="1" x14ac:dyDescent="0.25">
      <c r="A293" s="48"/>
      <c r="B293" s="39"/>
      <c r="C293" s="39"/>
      <c r="D293" s="39"/>
      <c r="E293" s="39"/>
      <c r="F293" s="39"/>
      <c r="G293" s="39"/>
      <c r="H293" s="39"/>
      <c r="I293" s="39"/>
      <c r="J293" s="29"/>
      <c r="L293" s="69"/>
      <c r="M293" s="12"/>
      <c r="N293" s="28"/>
      <c r="P293" s="29"/>
    </row>
    <row r="294" spans="1:16" ht="16.5" customHeight="1" x14ac:dyDescent="0.25">
      <c r="A294" s="48"/>
      <c r="B294" s="39"/>
      <c r="C294" s="39"/>
      <c r="D294" s="39"/>
      <c r="E294" s="39"/>
      <c r="F294" s="39"/>
      <c r="G294" s="39"/>
      <c r="H294" s="39"/>
      <c r="I294" s="39"/>
      <c r="J294" s="29"/>
      <c r="L294" s="69"/>
      <c r="M294" s="12"/>
      <c r="N294" s="28"/>
      <c r="P294" s="29"/>
    </row>
    <row r="295" spans="1:16" ht="16.5" customHeight="1" x14ac:dyDescent="0.25">
      <c r="A295" s="48"/>
      <c r="B295" s="39"/>
      <c r="C295" s="39"/>
      <c r="D295" s="39"/>
      <c r="E295" s="39"/>
      <c r="F295" s="39"/>
      <c r="G295" s="39"/>
      <c r="H295" s="39"/>
      <c r="I295" s="39"/>
      <c r="J295" s="29"/>
      <c r="L295" s="69"/>
      <c r="M295" s="12"/>
      <c r="N295" s="28"/>
      <c r="P295" s="29"/>
    </row>
    <row r="296" spans="1:16" ht="16.5" customHeight="1" x14ac:dyDescent="0.25">
      <c r="A296" s="48"/>
      <c r="B296" s="39"/>
      <c r="C296" s="39"/>
      <c r="D296" s="39"/>
      <c r="E296" s="39"/>
      <c r="F296" s="39"/>
      <c r="G296" s="39"/>
      <c r="H296" s="39"/>
      <c r="I296" s="39"/>
      <c r="J296" s="29"/>
      <c r="L296" s="69"/>
      <c r="M296" s="12"/>
      <c r="N296" s="28"/>
      <c r="P296" s="29"/>
    </row>
    <row r="297" spans="1:16" ht="16.5" customHeight="1" x14ac:dyDescent="0.25">
      <c r="A297" s="48"/>
      <c r="B297" s="39"/>
      <c r="C297" s="39"/>
      <c r="D297" s="39"/>
      <c r="E297" s="39"/>
      <c r="F297" s="39"/>
      <c r="G297" s="39"/>
      <c r="H297" s="39"/>
      <c r="I297" s="39"/>
      <c r="J297" s="29"/>
      <c r="L297" s="69"/>
      <c r="M297" s="12"/>
      <c r="N297" s="28"/>
      <c r="P297" s="29"/>
    </row>
    <row r="298" spans="1:16" ht="16.5" customHeight="1" x14ac:dyDescent="0.25">
      <c r="A298" s="48"/>
      <c r="B298" s="39"/>
      <c r="C298" s="39"/>
      <c r="D298" s="39"/>
      <c r="E298" s="39"/>
      <c r="F298" s="39"/>
      <c r="G298" s="39"/>
      <c r="H298" s="39"/>
      <c r="I298" s="39"/>
      <c r="J298" s="29"/>
      <c r="L298" s="69"/>
      <c r="M298" s="12"/>
      <c r="N298" s="28"/>
      <c r="P298" s="29"/>
    </row>
    <row r="299" spans="1:16" ht="16.5" customHeight="1" x14ac:dyDescent="0.25">
      <c r="A299" s="48"/>
      <c r="B299" s="39"/>
      <c r="C299" s="39"/>
      <c r="D299" s="39"/>
      <c r="E299" s="39"/>
      <c r="F299" s="39"/>
      <c r="G299" s="39"/>
      <c r="H299" s="39"/>
      <c r="I299" s="39"/>
      <c r="J299" s="29"/>
      <c r="L299" s="69"/>
      <c r="M299" s="12"/>
      <c r="N299" s="28"/>
      <c r="P299" s="29"/>
    </row>
    <row r="300" spans="1:16" ht="16.5" customHeight="1" x14ac:dyDescent="0.25">
      <c r="A300" s="48"/>
      <c r="B300" s="39"/>
      <c r="C300" s="39"/>
      <c r="D300" s="39"/>
      <c r="E300" s="39"/>
      <c r="F300" s="39"/>
      <c r="G300" s="39"/>
      <c r="H300" s="39"/>
      <c r="I300" s="39"/>
      <c r="J300" s="29"/>
      <c r="L300" s="69"/>
      <c r="M300" s="12"/>
      <c r="N300" s="28"/>
      <c r="P300" s="29"/>
    </row>
    <row r="301" spans="1:16" ht="16.5" customHeight="1" x14ac:dyDescent="0.25">
      <c r="A301" s="48"/>
      <c r="B301" s="39"/>
      <c r="C301" s="39"/>
      <c r="D301" s="39"/>
      <c r="E301" s="39"/>
      <c r="F301" s="39"/>
      <c r="G301" s="39"/>
      <c r="H301" s="39"/>
      <c r="I301" s="39"/>
      <c r="J301" s="29"/>
      <c r="L301" s="69"/>
      <c r="M301" s="12"/>
      <c r="N301" s="28"/>
      <c r="P301" s="29"/>
    </row>
    <row r="302" spans="1:16" ht="16.5" customHeight="1" x14ac:dyDescent="0.25">
      <c r="A302" s="48"/>
      <c r="B302" s="39"/>
      <c r="C302" s="39"/>
      <c r="D302" s="39"/>
      <c r="E302" s="39"/>
      <c r="F302" s="39"/>
      <c r="G302" s="39"/>
      <c r="H302" s="39"/>
      <c r="I302" s="39"/>
      <c r="J302" s="29"/>
      <c r="L302" s="69"/>
      <c r="M302" s="12"/>
      <c r="N302" s="28"/>
      <c r="P302" s="29"/>
    </row>
    <row r="303" spans="1:16" ht="16.5" customHeight="1" x14ac:dyDescent="0.25">
      <c r="A303" s="48"/>
      <c r="B303" s="39"/>
      <c r="C303" s="39"/>
      <c r="D303" s="39"/>
      <c r="E303" s="39"/>
      <c r="F303" s="39"/>
      <c r="G303" s="39"/>
      <c r="H303" s="39"/>
      <c r="I303" s="39"/>
      <c r="J303" s="29"/>
      <c r="L303" s="69"/>
      <c r="M303" s="12"/>
      <c r="N303" s="28"/>
      <c r="P303" s="29"/>
    </row>
    <row r="304" spans="1:16" ht="16.5" customHeight="1" x14ac:dyDescent="0.25">
      <c r="A304" s="48"/>
      <c r="B304" s="39"/>
      <c r="C304" s="39"/>
      <c r="D304" s="39"/>
      <c r="E304" s="39"/>
      <c r="F304" s="39"/>
      <c r="G304" s="39"/>
      <c r="H304" s="39"/>
      <c r="I304" s="39"/>
      <c r="J304" s="29"/>
      <c r="L304" s="69"/>
      <c r="M304" s="12"/>
      <c r="N304" s="28"/>
      <c r="P304" s="29"/>
    </row>
    <row r="305" spans="1:16" ht="16.5" customHeight="1" x14ac:dyDescent="0.25">
      <c r="A305" s="48"/>
      <c r="B305" s="39"/>
      <c r="C305" s="39"/>
      <c r="D305" s="39"/>
      <c r="E305" s="39"/>
      <c r="F305" s="39"/>
      <c r="G305" s="39"/>
      <c r="H305" s="39"/>
      <c r="I305" s="39"/>
      <c r="J305" s="29"/>
      <c r="L305" s="69"/>
      <c r="M305" s="12"/>
      <c r="N305" s="28"/>
      <c r="P305" s="29"/>
    </row>
    <row r="306" spans="1:16" ht="16.5" customHeight="1" x14ac:dyDescent="0.25">
      <c r="A306" s="48"/>
      <c r="B306" s="39"/>
      <c r="C306" s="39"/>
      <c r="D306" s="39"/>
      <c r="E306" s="39"/>
      <c r="F306" s="39"/>
      <c r="G306" s="39"/>
      <c r="H306" s="39"/>
      <c r="I306" s="39"/>
      <c r="J306" s="29"/>
      <c r="L306" s="69"/>
      <c r="M306" s="12"/>
      <c r="N306" s="28"/>
      <c r="P306" s="29"/>
    </row>
    <row r="307" spans="1:16" ht="16.5" customHeight="1" x14ac:dyDescent="0.25">
      <c r="A307" s="48"/>
      <c r="B307" s="39"/>
      <c r="C307" s="39"/>
      <c r="D307" s="39"/>
      <c r="E307" s="39"/>
      <c r="F307" s="39"/>
      <c r="G307" s="39"/>
      <c r="H307" s="39"/>
      <c r="I307" s="39"/>
      <c r="J307" s="29"/>
      <c r="L307" s="69"/>
      <c r="M307" s="12"/>
      <c r="N307" s="28"/>
      <c r="P307" s="29"/>
    </row>
    <row r="308" spans="1:16" ht="16.5" customHeight="1" x14ac:dyDescent="0.25">
      <c r="A308" s="48"/>
      <c r="B308" s="39"/>
      <c r="C308" s="39"/>
      <c r="D308" s="39"/>
      <c r="E308" s="39"/>
      <c r="F308" s="39"/>
      <c r="G308" s="39"/>
      <c r="H308" s="39"/>
      <c r="I308" s="39"/>
      <c r="J308" s="29"/>
      <c r="L308" s="69"/>
      <c r="M308" s="12"/>
      <c r="N308" s="28"/>
      <c r="P308" s="29"/>
    </row>
    <row r="309" spans="1:16" ht="16.5" customHeight="1" x14ac:dyDescent="0.25">
      <c r="A309" s="48"/>
      <c r="B309" s="39"/>
      <c r="C309" s="39"/>
      <c r="D309" s="39"/>
      <c r="E309" s="39"/>
      <c r="F309" s="39"/>
      <c r="G309" s="39"/>
      <c r="H309" s="39"/>
      <c r="I309" s="39"/>
      <c r="J309" s="29"/>
      <c r="L309" s="69"/>
      <c r="M309" s="12"/>
      <c r="N309" s="28"/>
      <c r="P309" s="29"/>
    </row>
    <row r="310" spans="1:16" ht="16.5" customHeight="1" x14ac:dyDescent="0.25">
      <c r="A310" s="48"/>
      <c r="B310" s="39"/>
      <c r="C310" s="39"/>
      <c r="D310" s="39"/>
      <c r="E310" s="39"/>
      <c r="F310" s="39"/>
      <c r="G310" s="39"/>
      <c r="H310" s="39"/>
      <c r="I310" s="39"/>
      <c r="J310" s="29"/>
      <c r="L310" s="69"/>
      <c r="M310" s="12"/>
      <c r="N310" s="28"/>
      <c r="P310" s="29"/>
    </row>
    <row r="311" spans="1:16" ht="16.5" customHeight="1" x14ac:dyDescent="0.25">
      <c r="A311" s="48"/>
      <c r="B311" s="39"/>
      <c r="C311" s="39"/>
      <c r="D311" s="39"/>
      <c r="E311" s="39"/>
      <c r="F311" s="39"/>
      <c r="G311" s="39"/>
      <c r="H311" s="39"/>
      <c r="I311" s="39"/>
      <c r="J311" s="29"/>
      <c r="L311" s="69"/>
      <c r="M311" s="12"/>
      <c r="N311" s="28"/>
      <c r="P311" s="29"/>
    </row>
    <row r="312" spans="1:16" ht="16.5" customHeight="1" x14ac:dyDescent="0.25">
      <c r="A312" s="48"/>
      <c r="B312" s="39"/>
      <c r="C312" s="39"/>
      <c r="D312" s="39"/>
      <c r="E312" s="39"/>
      <c r="F312" s="39"/>
      <c r="G312" s="39"/>
      <c r="H312" s="39"/>
      <c r="I312" s="39"/>
      <c r="J312" s="29"/>
      <c r="L312" s="69"/>
      <c r="M312" s="12"/>
      <c r="N312" s="28"/>
      <c r="P312" s="29"/>
    </row>
    <row r="313" spans="1:16" ht="16.5" customHeight="1" x14ac:dyDescent="0.25">
      <c r="A313" s="48"/>
      <c r="B313" s="39"/>
      <c r="C313" s="39"/>
      <c r="D313" s="39"/>
      <c r="E313" s="39"/>
      <c r="F313" s="39"/>
      <c r="G313" s="39"/>
      <c r="H313" s="39"/>
      <c r="I313" s="39"/>
      <c r="J313" s="29"/>
      <c r="L313" s="69"/>
      <c r="M313" s="12"/>
      <c r="N313" s="28"/>
      <c r="P313" s="29"/>
    </row>
    <row r="314" spans="1:16" ht="16.5" customHeight="1" x14ac:dyDescent="0.25">
      <c r="A314" s="48"/>
      <c r="B314" s="39"/>
      <c r="C314" s="39"/>
      <c r="D314" s="39"/>
      <c r="E314" s="39"/>
      <c r="F314" s="39"/>
      <c r="G314" s="39"/>
      <c r="H314" s="39"/>
      <c r="I314" s="39"/>
      <c r="J314" s="29"/>
      <c r="L314" s="69"/>
      <c r="M314" s="12"/>
      <c r="N314" s="28"/>
      <c r="P314" s="29"/>
    </row>
    <row r="315" spans="1:16" ht="16.5" customHeight="1" x14ac:dyDescent="0.25">
      <c r="A315" s="48"/>
      <c r="B315" s="39"/>
      <c r="C315" s="39"/>
      <c r="D315" s="39"/>
      <c r="E315" s="39"/>
      <c r="F315" s="39"/>
      <c r="G315" s="39"/>
      <c r="H315" s="39"/>
      <c r="I315" s="39"/>
      <c r="J315" s="29"/>
      <c r="L315" s="69"/>
      <c r="M315" s="12"/>
      <c r="N315" s="28"/>
      <c r="P315" s="29"/>
    </row>
    <row r="316" spans="1:16" ht="16.5" customHeight="1" x14ac:dyDescent="0.25">
      <c r="A316" s="48"/>
      <c r="B316" s="39"/>
      <c r="C316" s="39"/>
      <c r="D316" s="39"/>
      <c r="E316" s="39"/>
      <c r="F316" s="39"/>
      <c r="G316" s="39"/>
      <c r="H316" s="39"/>
      <c r="I316" s="39"/>
      <c r="J316" s="29"/>
      <c r="L316" s="69"/>
      <c r="M316" s="12"/>
      <c r="N316" s="28"/>
      <c r="P316" s="29"/>
    </row>
    <row r="317" spans="1:16" ht="16.5" customHeight="1" x14ac:dyDescent="0.25">
      <c r="A317" s="48"/>
      <c r="B317" s="39"/>
      <c r="C317" s="39"/>
      <c r="D317" s="39"/>
      <c r="E317" s="39"/>
      <c r="F317" s="39"/>
      <c r="G317" s="39"/>
      <c r="H317" s="39"/>
      <c r="I317" s="39"/>
      <c r="J317" s="29"/>
      <c r="L317" s="69"/>
      <c r="M317" s="12"/>
      <c r="N317" s="28"/>
      <c r="P317" s="29"/>
    </row>
    <row r="318" spans="1:16" ht="16.5" customHeight="1" x14ac:dyDescent="0.25">
      <c r="A318" s="48"/>
      <c r="B318" s="39"/>
      <c r="C318" s="39"/>
      <c r="D318" s="39"/>
      <c r="E318" s="39"/>
      <c r="F318" s="39"/>
      <c r="G318" s="39"/>
      <c r="H318" s="39"/>
      <c r="I318" s="39"/>
      <c r="J318" s="29"/>
      <c r="L318" s="69"/>
      <c r="M318" s="12"/>
      <c r="N318" s="28"/>
      <c r="P318" s="29"/>
    </row>
    <row r="319" spans="1:16" ht="16.5" customHeight="1" x14ac:dyDescent="0.25">
      <c r="A319" s="58"/>
      <c r="B319" s="59"/>
      <c r="C319" s="59"/>
      <c r="D319" s="59"/>
      <c r="E319" s="59"/>
      <c r="F319" s="59"/>
      <c r="G319" s="59"/>
      <c r="H319" s="59"/>
      <c r="I319" s="59"/>
      <c r="J319" s="32"/>
      <c r="K319" s="74"/>
      <c r="L319" s="75"/>
      <c r="M319" s="13"/>
      <c r="N319" s="30"/>
      <c r="O319" s="31"/>
      <c r="P319" s="32"/>
    </row>
    <row r="320" spans="1:16" ht="16.5" customHeight="1" x14ac:dyDescent="0.25">
      <c r="A320" s="46" t="s">
        <v>224</v>
      </c>
      <c r="B320" s="47"/>
      <c r="C320" s="47"/>
      <c r="D320" s="47"/>
      <c r="E320" s="47"/>
      <c r="F320" s="47"/>
      <c r="G320" s="47"/>
      <c r="H320" s="47"/>
      <c r="I320" s="47"/>
      <c r="J320" s="27"/>
      <c r="K320" s="72"/>
      <c r="L320" s="73"/>
      <c r="M320" s="11"/>
      <c r="N320" s="25"/>
      <c r="O320" s="26"/>
      <c r="P320" s="27"/>
    </row>
    <row r="321" spans="1:16" ht="16.5" customHeight="1" x14ac:dyDescent="0.25">
      <c r="A321" s="48"/>
      <c r="B321" s="39" t="s">
        <v>238</v>
      </c>
      <c r="C321" s="39"/>
      <c r="D321" s="39"/>
      <c r="E321" s="39"/>
      <c r="F321" s="39"/>
      <c r="G321" s="39"/>
      <c r="H321" s="39"/>
      <c r="I321" s="39"/>
      <c r="J321" s="29"/>
      <c r="K321" s="86" t="s">
        <v>101</v>
      </c>
      <c r="L321" s="87" t="s">
        <v>101</v>
      </c>
      <c r="M321" s="12"/>
      <c r="N321" s="28"/>
      <c r="P321" s="29"/>
    </row>
    <row r="322" spans="1:16" ht="16.5" customHeight="1" x14ac:dyDescent="0.25">
      <c r="A322" s="48"/>
      <c r="B322" s="39" t="s">
        <v>239</v>
      </c>
      <c r="C322" s="39"/>
      <c r="D322" s="39"/>
      <c r="E322" s="39"/>
      <c r="F322" s="39"/>
      <c r="G322" s="39"/>
      <c r="H322" s="39"/>
      <c r="I322" s="39"/>
      <c r="J322" s="29"/>
      <c r="K322" s="86" t="s">
        <v>101</v>
      </c>
      <c r="L322" s="87" t="s">
        <v>101</v>
      </c>
      <c r="M322" s="12"/>
      <c r="N322" s="28"/>
      <c r="P322" s="29"/>
    </row>
    <row r="323" spans="1:16" ht="16.5" customHeight="1" x14ac:dyDescent="0.25">
      <c r="A323" s="48"/>
      <c r="B323" s="39"/>
      <c r="C323" s="39"/>
      <c r="D323" s="39"/>
      <c r="E323" s="39"/>
      <c r="F323" s="39"/>
      <c r="G323" s="39"/>
      <c r="H323" s="39"/>
      <c r="I323" s="39"/>
      <c r="J323" s="29"/>
      <c r="K323" s="86"/>
      <c r="L323" s="87"/>
      <c r="M323" s="12"/>
      <c r="N323" s="28"/>
      <c r="P323" s="29"/>
    </row>
    <row r="324" spans="1:16" ht="16.5" customHeight="1" x14ac:dyDescent="0.25">
      <c r="A324" s="48"/>
      <c r="B324" s="39"/>
      <c r="C324" s="39"/>
      <c r="D324" s="39"/>
      <c r="E324" s="39"/>
      <c r="F324" s="39"/>
      <c r="G324" s="39"/>
      <c r="H324" s="39"/>
      <c r="I324" s="39"/>
      <c r="J324" s="29"/>
      <c r="L324" s="69"/>
      <c r="M324" s="12"/>
      <c r="N324" s="28"/>
      <c r="P324" s="29"/>
    </row>
    <row r="325" spans="1:16" ht="16.5" customHeight="1" x14ac:dyDescent="0.25">
      <c r="A325" s="48"/>
      <c r="B325" s="39"/>
      <c r="C325" s="39"/>
      <c r="D325" s="39"/>
      <c r="E325" s="39"/>
      <c r="F325" s="39"/>
      <c r="G325" s="39"/>
      <c r="H325" s="39"/>
      <c r="I325" s="39"/>
      <c r="J325" s="29"/>
      <c r="K325" s="86"/>
      <c r="L325" s="87"/>
      <c r="M325" s="12"/>
      <c r="N325" s="28"/>
      <c r="P325" s="29"/>
    </row>
    <row r="326" spans="1:16" ht="16.5" customHeight="1" x14ac:dyDescent="0.25">
      <c r="A326" s="48"/>
      <c r="B326" s="39"/>
      <c r="C326" s="39"/>
      <c r="D326" s="39"/>
      <c r="E326" s="39"/>
      <c r="F326" s="39"/>
      <c r="G326" s="39"/>
      <c r="H326" s="39"/>
      <c r="I326" s="39"/>
      <c r="J326" s="29"/>
      <c r="K326" s="86"/>
      <c r="L326" s="87"/>
      <c r="M326" s="12"/>
      <c r="N326" s="28"/>
      <c r="P326" s="29"/>
    </row>
    <row r="327" spans="1:16" ht="16.5" customHeight="1" x14ac:dyDescent="0.25">
      <c r="A327" s="48"/>
      <c r="B327" s="39"/>
      <c r="C327" s="39"/>
      <c r="D327" s="39"/>
      <c r="E327" s="39"/>
      <c r="F327" s="39"/>
      <c r="G327" s="39"/>
      <c r="H327" s="39"/>
      <c r="I327" s="39"/>
      <c r="J327" s="29"/>
      <c r="K327" s="86"/>
      <c r="L327" s="87"/>
      <c r="M327" s="12"/>
      <c r="N327" s="28"/>
      <c r="P327" s="29"/>
    </row>
    <row r="328" spans="1:16" ht="16.5" customHeight="1" x14ac:dyDescent="0.25">
      <c r="A328" s="48"/>
      <c r="B328" s="39"/>
      <c r="C328" s="39"/>
      <c r="D328" s="39"/>
      <c r="E328" s="39"/>
      <c r="F328" s="39"/>
      <c r="G328" s="39"/>
      <c r="H328" s="39"/>
      <c r="I328" s="39"/>
      <c r="J328" s="29"/>
      <c r="K328" s="86"/>
      <c r="L328" s="87"/>
      <c r="M328" s="12"/>
      <c r="N328" s="28"/>
      <c r="P328" s="29"/>
    </row>
    <row r="329" spans="1:16" ht="16.5" customHeight="1" x14ac:dyDescent="0.25">
      <c r="A329" s="48"/>
      <c r="B329" s="39"/>
      <c r="C329" s="39"/>
      <c r="D329" s="39"/>
      <c r="E329" s="39"/>
      <c r="F329" s="39"/>
      <c r="G329" s="39"/>
      <c r="H329" s="39"/>
      <c r="I329" s="39"/>
      <c r="J329" s="29"/>
      <c r="K329" s="86"/>
      <c r="L329" s="87"/>
      <c r="M329" s="12"/>
      <c r="N329" s="28"/>
      <c r="P329" s="29"/>
    </row>
    <row r="330" spans="1:16" ht="16.5" customHeight="1" x14ac:dyDescent="0.25">
      <c r="A330" s="48"/>
      <c r="B330" s="39"/>
      <c r="C330" s="39"/>
      <c r="D330" s="39"/>
      <c r="E330" s="39"/>
      <c r="F330" s="39"/>
      <c r="G330" s="39"/>
      <c r="H330" s="39"/>
      <c r="I330" s="39"/>
      <c r="J330" s="29"/>
      <c r="K330" s="86"/>
      <c r="L330" s="87"/>
      <c r="M330" s="12"/>
      <c r="N330" s="28"/>
      <c r="P330" s="29"/>
    </row>
    <row r="331" spans="1:16" ht="16.5" customHeight="1" x14ac:dyDescent="0.25">
      <c r="A331" s="48"/>
      <c r="B331" s="39"/>
      <c r="C331" s="39"/>
      <c r="D331" s="39"/>
      <c r="E331" s="39"/>
      <c r="F331" s="39"/>
      <c r="G331" s="39"/>
      <c r="H331" s="39"/>
      <c r="I331" s="39"/>
      <c r="J331" s="29"/>
      <c r="K331" s="86"/>
      <c r="L331" s="87"/>
      <c r="M331" s="12"/>
      <c r="N331" s="28"/>
      <c r="P331" s="29"/>
    </row>
    <row r="332" spans="1:16" ht="16.5" customHeight="1" x14ac:dyDescent="0.25">
      <c r="A332" s="48"/>
      <c r="B332" s="39"/>
      <c r="C332" s="39"/>
      <c r="D332" s="39"/>
      <c r="E332" s="39"/>
      <c r="F332" s="39"/>
      <c r="G332" s="39"/>
      <c r="H332" s="39"/>
      <c r="I332" s="39"/>
      <c r="J332" s="29"/>
      <c r="K332" s="86"/>
      <c r="L332" s="87"/>
      <c r="M332" s="12"/>
      <c r="N332" s="28"/>
      <c r="P332" s="29"/>
    </row>
    <row r="333" spans="1:16" ht="16.5" customHeight="1" x14ac:dyDescent="0.25">
      <c r="A333" s="48"/>
      <c r="B333" s="39"/>
      <c r="C333" s="39"/>
      <c r="D333" s="39"/>
      <c r="E333" s="39"/>
      <c r="F333" s="39"/>
      <c r="G333" s="39"/>
      <c r="H333" s="39"/>
      <c r="I333" s="39"/>
      <c r="J333" s="29"/>
      <c r="K333" s="86"/>
      <c r="L333" s="87"/>
      <c r="M333" s="12"/>
      <c r="N333" s="28"/>
      <c r="P333" s="29"/>
    </row>
    <row r="334" spans="1:16" ht="16.5" customHeight="1" x14ac:dyDescent="0.25">
      <c r="A334" s="48"/>
      <c r="B334" s="39"/>
      <c r="C334" s="39"/>
      <c r="D334" s="39"/>
      <c r="E334" s="39"/>
      <c r="F334" s="39"/>
      <c r="G334" s="39"/>
      <c r="H334" s="39"/>
      <c r="I334" s="39"/>
      <c r="J334" s="29"/>
      <c r="K334" s="86"/>
      <c r="L334" s="87"/>
      <c r="M334" s="12"/>
      <c r="N334" s="28"/>
      <c r="P334" s="29"/>
    </row>
    <row r="335" spans="1:16" ht="16.5" customHeight="1" x14ac:dyDescent="0.25">
      <c r="A335" s="48"/>
      <c r="B335" s="39"/>
      <c r="C335" s="39"/>
      <c r="D335" s="39"/>
      <c r="E335" s="39"/>
      <c r="F335" s="39"/>
      <c r="G335" s="39"/>
      <c r="H335" s="39"/>
      <c r="I335" s="39"/>
      <c r="J335" s="29"/>
      <c r="K335" s="86"/>
      <c r="L335" s="87"/>
      <c r="M335" s="12"/>
      <c r="N335" s="28"/>
      <c r="P335" s="29"/>
    </row>
    <row r="336" spans="1:16" ht="16.5" customHeight="1" x14ac:dyDescent="0.25">
      <c r="A336" s="48"/>
      <c r="B336" s="39"/>
      <c r="C336" s="39"/>
      <c r="D336" s="39"/>
      <c r="E336" s="39"/>
      <c r="F336" s="39"/>
      <c r="G336" s="39"/>
      <c r="H336" s="39"/>
      <c r="I336" s="39"/>
      <c r="J336" s="29"/>
      <c r="K336" s="86"/>
      <c r="L336" s="87"/>
      <c r="M336" s="12"/>
      <c r="N336" s="28"/>
      <c r="P336" s="29"/>
    </row>
    <row r="337" spans="1:16" ht="16.5" customHeight="1" x14ac:dyDescent="0.25">
      <c r="A337" s="48"/>
      <c r="B337" s="39"/>
      <c r="C337" s="39"/>
      <c r="D337" s="39"/>
      <c r="E337" s="39"/>
      <c r="F337" s="39"/>
      <c r="G337" s="39"/>
      <c r="H337" s="39"/>
      <c r="I337" s="39"/>
      <c r="J337" s="29"/>
      <c r="K337" s="86"/>
      <c r="L337" s="87"/>
      <c r="M337" s="12"/>
      <c r="N337" s="28"/>
      <c r="P337" s="29"/>
    </row>
    <row r="338" spans="1:16" ht="16.5" customHeight="1" x14ac:dyDescent="0.25">
      <c r="A338" s="48"/>
      <c r="B338" s="39"/>
      <c r="C338" s="39"/>
      <c r="D338" s="39"/>
      <c r="E338" s="39"/>
      <c r="F338" s="39"/>
      <c r="G338" s="39"/>
      <c r="H338" s="39"/>
      <c r="I338" s="39"/>
      <c r="J338" s="29"/>
      <c r="K338" s="86"/>
      <c r="L338" s="87"/>
      <c r="M338" s="12"/>
      <c r="N338" s="28"/>
      <c r="P338" s="29"/>
    </row>
    <row r="339" spans="1:16" ht="16.5" customHeight="1" x14ac:dyDescent="0.25">
      <c r="A339" s="48"/>
      <c r="B339" s="39"/>
      <c r="C339" s="39"/>
      <c r="D339" s="39"/>
      <c r="E339" s="39"/>
      <c r="F339" s="39"/>
      <c r="G339" s="39"/>
      <c r="H339" s="39"/>
      <c r="I339" s="39"/>
      <c r="J339" s="29"/>
      <c r="K339" s="86"/>
      <c r="L339" s="87"/>
      <c r="M339" s="12"/>
      <c r="N339" s="28"/>
      <c r="P339" s="29"/>
    </row>
    <row r="340" spans="1:16" ht="16.5" customHeight="1" x14ac:dyDescent="0.25">
      <c r="A340" s="48"/>
      <c r="B340" s="39"/>
      <c r="C340" s="39"/>
      <c r="D340" s="39"/>
      <c r="E340" s="39"/>
      <c r="F340" s="39"/>
      <c r="G340" s="39"/>
      <c r="H340" s="39"/>
      <c r="I340" s="39"/>
      <c r="J340" s="29"/>
      <c r="K340" s="86"/>
      <c r="L340" s="87"/>
      <c r="M340" s="12"/>
      <c r="N340" s="28"/>
      <c r="P340" s="29"/>
    </row>
    <row r="341" spans="1:16" ht="16.5" customHeight="1" x14ac:dyDescent="0.25">
      <c r="A341" s="48"/>
      <c r="B341" s="39"/>
      <c r="C341" s="39"/>
      <c r="D341" s="39"/>
      <c r="E341" s="39"/>
      <c r="F341" s="39"/>
      <c r="G341" s="39"/>
      <c r="H341" s="39"/>
      <c r="I341" s="39"/>
      <c r="J341" s="29"/>
      <c r="K341" s="86"/>
      <c r="L341" s="87"/>
      <c r="M341" s="12"/>
      <c r="N341" s="28"/>
      <c r="P341" s="29"/>
    </row>
    <row r="342" spans="1:16" ht="16.5" customHeight="1" x14ac:dyDescent="0.25">
      <c r="A342" s="48"/>
      <c r="B342" s="39"/>
      <c r="C342" s="39"/>
      <c r="D342" s="39"/>
      <c r="E342" s="39"/>
      <c r="F342" s="39"/>
      <c r="G342" s="39"/>
      <c r="H342" s="39"/>
      <c r="I342" s="39"/>
      <c r="J342" s="29"/>
      <c r="K342" s="86"/>
      <c r="L342" s="87"/>
      <c r="M342" s="12"/>
      <c r="N342" s="28"/>
      <c r="P342" s="29"/>
    </row>
    <row r="343" spans="1:16" ht="16.5" customHeight="1" x14ac:dyDescent="0.25">
      <c r="A343" s="48"/>
      <c r="B343" s="39"/>
      <c r="C343" s="39"/>
      <c r="D343" s="39"/>
      <c r="E343" s="39"/>
      <c r="F343" s="39"/>
      <c r="G343" s="39"/>
      <c r="H343" s="39"/>
      <c r="I343" s="39"/>
      <c r="J343" s="29"/>
      <c r="K343" s="86"/>
      <c r="L343" s="87"/>
      <c r="M343" s="12"/>
      <c r="N343" s="28"/>
      <c r="P343" s="29"/>
    </row>
    <row r="344" spans="1:16" ht="16.5" customHeight="1" x14ac:dyDescent="0.25">
      <c r="A344" s="48"/>
      <c r="B344" s="39"/>
      <c r="C344" s="39"/>
      <c r="D344" s="39"/>
      <c r="E344" s="39"/>
      <c r="F344" s="39"/>
      <c r="G344" s="39"/>
      <c r="H344" s="39"/>
      <c r="I344" s="39"/>
      <c r="J344" s="29"/>
      <c r="K344" s="86"/>
      <c r="L344" s="87"/>
      <c r="M344" s="12"/>
      <c r="N344" s="28"/>
      <c r="P344" s="29"/>
    </row>
    <row r="345" spans="1:16" ht="16.5" customHeight="1" x14ac:dyDescent="0.25">
      <c r="A345" s="48"/>
      <c r="B345" s="39"/>
      <c r="C345" s="39"/>
      <c r="D345" s="39"/>
      <c r="E345" s="39"/>
      <c r="F345" s="39"/>
      <c r="G345" s="39"/>
      <c r="H345" s="39"/>
      <c r="I345" s="39"/>
      <c r="J345" s="29"/>
      <c r="K345" s="86"/>
      <c r="L345" s="87"/>
      <c r="M345" s="12"/>
      <c r="N345" s="28"/>
      <c r="P345" s="29"/>
    </row>
    <row r="346" spans="1:16" ht="16.5" customHeight="1" x14ac:dyDescent="0.25">
      <c r="A346" s="48" t="s">
        <v>573</v>
      </c>
      <c r="B346" s="39"/>
      <c r="C346" s="39"/>
      <c r="D346" s="39"/>
      <c r="E346" s="39"/>
      <c r="F346" s="39"/>
      <c r="G346" s="39"/>
      <c r="H346" s="39"/>
      <c r="I346" s="39"/>
      <c r="J346" s="29"/>
      <c r="L346" s="69"/>
      <c r="M346" s="12"/>
      <c r="N346" s="28"/>
      <c r="P346" s="29"/>
    </row>
    <row r="347" spans="1:16" ht="16.5" customHeight="1" x14ac:dyDescent="0.25">
      <c r="A347" s="48"/>
      <c r="B347" s="39" t="s">
        <v>87</v>
      </c>
      <c r="C347" s="39"/>
      <c r="D347" s="39"/>
      <c r="E347" s="39"/>
      <c r="F347" s="39"/>
      <c r="G347" s="39"/>
      <c r="H347" s="39"/>
      <c r="I347" s="39"/>
      <c r="J347" s="29"/>
      <c r="K347" s="86" t="s">
        <v>101</v>
      </c>
      <c r="L347" s="87" t="s">
        <v>101</v>
      </c>
      <c r="M347" s="12"/>
      <c r="N347" s="28"/>
      <c r="P347" s="29"/>
    </row>
    <row r="348" spans="1:16" ht="16.5" customHeight="1" x14ac:dyDescent="0.25">
      <c r="A348" s="48"/>
      <c r="B348" s="39" t="s">
        <v>622</v>
      </c>
      <c r="C348" s="39"/>
      <c r="D348" s="39"/>
      <c r="E348" s="39"/>
      <c r="F348" s="39"/>
      <c r="G348" s="39"/>
      <c r="H348" s="39"/>
      <c r="I348" s="39"/>
      <c r="J348" s="29"/>
      <c r="K348" s="86" t="s">
        <v>101</v>
      </c>
      <c r="L348" s="87" t="s">
        <v>101</v>
      </c>
      <c r="M348" s="12"/>
      <c r="N348" s="28"/>
      <c r="P348" s="29"/>
    </row>
    <row r="349" spans="1:16" ht="16.5" customHeight="1" x14ac:dyDescent="0.25">
      <c r="A349" s="48"/>
      <c r="B349" s="39"/>
      <c r="C349" s="39"/>
      <c r="D349" s="39"/>
      <c r="E349" s="39"/>
      <c r="F349" s="39"/>
      <c r="G349" s="39"/>
      <c r="H349" s="39"/>
      <c r="I349" s="39"/>
      <c r="J349" s="29"/>
      <c r="L349" s="69"/>
      <c r="M349" s="12"/>
      <c r="N349" s="28"/>
      <c r="P349" s="29"/>
    </row>
    <row r="350" spans="1:16" ht="16.5" customHeight="1" x14ac:dyDescent="0.25">
      <c r="A350" s="48"/>
      <c r="B350" s="39"/>
      <c r="C350" s="39"/>
      <c r="D350" s="39"/>
      <c r="E350" s="39"/>
      <c r="F350" s="39"/>
      <c r="G350" s="39"/>
      <c r="H350" s="39"/>
      <c r="I350" s="39"/>
      <c r="J350" s="29"/>
      <c r="L350" s="69"/>
      <c r="M350" s="12"/>
      <c r="N350" s="28"/>
      <c r="P350" s="29"/>
    </row>
    <row r="351" spans="1:16" ht="16.5" customHeight="1" x14ac:dyDescent="0.25">
      <c r="A351" s="48"/>
      <c r="B351" s="39"/>
      <c r="C351" s="39"/>
      <c r="D351" s="39"/>
      <c r="E351" s="39"/>
      <c r="F351" s="39"/>
      <c r="G351" s="39"/>
      <c r="H351" s="39"/>
      <c r="I351" s="39"/>
      <c r="J351" s="29"/>
      <c r="L351" s="69"/>
      <c r="M351" s="12"/>
      <c r="N351" s="28"/>
      <c r="P351" s="29"/>
    </row>
    <row r="352" spans="1:16" ht="16.5" customHeight="1" x14ac:dyDescent="0.25">
      <c r="A352" s="48"/>
      <c r="B352" s="39"/>
      <c r="C352" s="39"/>
      <c r="D352" s="39"/>
      <c r="E352" s="39"/>
      <c r="F352" s="39"/>
      <c r="G352" s="39"/>
      <c r="H352" s="39"/>
      <c r="I352" s="39"/>
      <c r="J352" s="29"/>
      <c r="L352" s="69"/>
      <c r="M352" s="12"/>
      <c r="N352" s="28"/>
      <c r="P352" s="29"/>
    </row>
    <row r="353" spans="1:16" ht="16.5" customHeight="1" x14ac:dyDescent="0.25">
      <c r="A353" s="48"/>
      <c r="B353" s="39"/>
      <c r="C353" s="39"/>
      <c r="D353" s="39"/>
      <c r="E353" s="39"/>
      <c r="F353" s="39"/>
      <c r="G353" s="39"/>
      <c r="H353" s="39"/>
      <c r="I353" s="39"/>
      <c r="J353" s="29"/>
      <c r="L353" s="69"/>
      <c r="M353" s="12"/>
      <c r="N353" s="28"/>
      <c r="P353" s="29"/>
    </row>
    <row r="354" spans="1:16" ht="16.5" customHeight="1" x14ac:dyDescent="0.25">
      <c r="A354" s="48" t="s">
        <v>225</v>
      </c>
      <c r="B354" s="39"/>
      <c r="C354" s="39"/>
      <c r="D354" s="39"/>
      <c r="E354" s="39"/>
      <c r="F354" s="39"/>
      <c r="G354" s="39"/>
      <c r="H354" s="39"/>
      <c r="I354" s="39"/>
      <c r="J354" s="29"/>
      <c r="L354" s="69"/>
      <c r="M354" s="12"/>
      <c r="N354" s="28"/>
      <c r="P354" s="29"/>
    </row>
    <row r="355" spans="1:16" ht="16.5" customHeight="1" x14ac:dyDescent="0.25">
      <c r="A355" s="48"/>
      <c r="B355" s="39" t="s">
        <v>87</v>
      </c>
      <c r="C355" s="39"/>
      <c r="D355" s="39"/>
      <c r="E355" s="39"/>
      <c r="F355" s="39"/>
      <c r="G355" s="39"/>
      <c r="H355" s="39"/>
      <c r="I355" s="39"/>
      <c r="J355" s="29"/>
      <c r="K355" s="86" t="s">
        <v>101</v>
      </c>
      <c r="L355" s="87" t="s">
        <v>101</v>
      </c>
      <c r="M355" s="12"/>
      <c r="N355" s="28"/>
      <c r="P355" s="29"/>
    </row>
    <row r="356" spans="1:16" ht="16.5" customHeight="1" x14ac:dyDescent="0.25">
      <c r="A356" s="48"/>
      <c r="B356" s="39" t="s">
        <v>623</v>
      </c>
      <c r="C356" s="39"/>
      <c r="D356" s="39"/>
      <c r="E356" s="39"/>
      <c r="F356" s="39"/>
      <c r="G356" s="39"/>
      <c r="H356" s="39"/>
      <c r="I356" s="39"/>
      <c r="J356" s="29"/>
      <c r="K356" s="86" t="s">
        <v>101</v>
      </c>
      <c r="L356" s="87" t="s">
        <v>101</v>
      </c>
      <c r="M356" s="12"/>
      <c r="N356" s="28"/>
      <c r="P356" s="29"/>
    </row>
    <row r="357" spans="1:16" ht="16.5" customHeight="1" x14ac:dyDescent="0.25">
      <c r="A357" s="48"/>
      <c r="B357" s="39"/>
      <c r="C357" s="39"/>
      <c r="D357" s="39"/>
      <c r="E357" s="39"/>
      <c r="F357" s="39"/>
      <c r="G357" s="39"/>
      <c r="H357" s="39"/>
      <c r="I357" s="39"/>
      <c r="J357" s="29"/>
      <c r="L357" s="69"/>
      <c r="M357" s="12"/>
      <c r="N357" s="28"/>
      <c r="P357" s="29"/>
    </row>
    <row r="358" spans="1:16" ht="16.5" customHeight="1" x14ac:dyDescent="0.25">
      <c r="A358" s="48"/>
      <c r="B358" s="39"/>
      <c r="C358" s="39"/>
      <c r="D358" s="39"/>
      <c r="E358" s="39"/>
      <c r="F358" s="39"/>
      <c r="G358" s="39"/>
      <c r="H358" s="39"/>
      <c r="I358" s="39"/>
      <c r="J358" s="29"/>
      <c r="L358" s="69"/>
      <c r="M358" s="12"/>
      <c r="N358" s="28"/>
      <c r="P358" s="29"/>
    </row>
    <row r="359" spans="1:16" ht="16.5" customHeight="1" x14ac:dyDescent="0.25">
      <c r="A359" s="48" t="s">
        <v>226</v>
      </c>
      <c r="B359" s="39"/>
      <c r="C359" s="39"/>
      <c r="D359" s="39"/>
      <c r="E359" s="39"/>
      <c r="F359" s="39"/>
      <c r="G359" s="39"/>
      <c r="H359" s="39"/>
      <c r="I359" s="39"/>
      <c r="J359" s="29"/>
      <c r="L359" s="69"/>
      <c r="M359" s="12"/>
      <c r="N359" s="28"/>
      <c r="P359" s="29"/>
    </row>
    <row r="360" spans="1:16" ht="16.5" customHeight="1" x14ac:dyDescent="0.25">
      <c r="A360" s="48"/>
      <c r="B360" s="39" t="s">
        <v>240</v>
      </c>
      <c r="C360" s="39"/>
      <c r="D360" s="39"/>
      <c r="E360" s="39"/>
      <c r="F360" s="39"/>
      <c r="G360" s="39"/>
      <c r="H360" s="39"/>
      <c r="I360" s="39"/>
      <c r="J360" s="29"/>
      <c r="K360" s="86" t="s">
        <v>101</v>
      </c>
      <c r="L360" s="87" t="s">
        <v>101</v>
      </c>
      <c r="M360" s="12"/>
      <c r="N360" s="28"/>
      <c r="P360" s="29"/>
    </row>
    <row r="361" spans="1:16" ht="16.5" customHeight="1" x14ac:dyDescent="0.25">
      <c r="A361" s="48"/>
      <c r="B361" s="39" t="s">
        <v>241</v>
      </c>
      <c r="C361" s="39"/>
      <c r="D361" s="39"/>
      <c r="E361" s="39"/>
      <c r="F361" s="39"/>
      <c r="G361" s="39"/>
      <c r="H361" s="39"/>
      <c r="I361" s="39"/>
      <c r="J361" s="29"/>
      <c r="L361" s="69"/>
      <c r="M361" s="12"/>
      <c r="N361" s="28"/>
      <c r="P361" s="29"/>
    </row>
    <row r="362" spans="1:16" ht="16.5" customHeight="1" x14ac:dyDescent="0.25">
      <c r="A362" s="48"/>
      <c r="B362" s="39"/>
      <c r="C362" s="39"/>
      <c r="D362" s="39"/>
      <c r="E362" s="39"/>
      <c r="F362" s="39"/>
      <c r="G362" s="39"/>
      <c r="H362" s="39"/>
      <c r="I362" s="39"/>
      <c r="J362" s="29"/>
      <c r="L362" s="69"/>
      <c r="M362" s="12"/>
      <c r="N362" s="28"/>
      <c r="P362" s="29"/>
    </row>
    <row r="363" spans="1:16" ht="16.5" customHeight="1" x14ac:dyDescent="0.25">
      <c r="A363" s="48"/>
      <c r="B363" s="39"/>
      <c r="C363" s="39"/>
      <c r="D363" s="39"/>
      <c r="E363" s="39"/>
      <c r="F363" s="39"/>
      <c r="G363" s="39"/>
      <c r="H363" s="39"/>
      <c r="I363" s="39"/>
      <c r="J363" s="29"/>
      <c r="L363" s="69"/>
      <c r="M363" s="12"/>
      <c r="N363" s="28"/>
      <c r="P363" s="29"/>
    </row>
    <row r="364" spans="1:16" ht="16.5" customHeight="1" x14ac:dyDescent="0.25">
      <c r="A364" s="48"/>
      <c r="B364" s="39"/>
      <c r="C364" s="39"/>
      <c r="D364" s="39"/>
      <c r="E364" s="39"/>
      <c r="F364" s="39"/>
      <c r="G364" s="39"/>
      <c r="H364" s="39"/>
      <c r="I364" s="39"/>
      <c r="J364" s="29"/>
      <c r="L364" s="69"/>
      <c r="M364" s="12"/>
      <c r="N364" s="28"/>
      <c r="P364" s="29"/>
    </row>
    <row r="365" spans="1:16" ht="16.5" customHeight="1" x14ac:dyDescent="0.25">
      <c r="A365" s="48"/>
      <c r="B365" s="39"/>
      <c r="C365" s="39"/>
      <c r="D365" s="39"/>
      <c r="E365" s="39"/>
      <c r="F365" s="39"/>
      <c r="G365" s="39"/>
      <c r="H365" s="39"/>
      <c r="I365" s="39"/>
      <c r="J365" s="29"/>
      <c r="L365" s="69"/>
      <c r="M365" s="12"/>
      <c r="N365" s="28"/>
      <c r="P365" s="29"/>
    </row>
    <row r="366" spans="1:16" ht="16.5" customHeight="1" x14ac:dyDescent="0.25">
      <c r="A366" s="58"/>
      <c r="B366" s="59"/>
      <c r="C366" s="59"/>
      <c r="D366" s="59"/>
      <c r="E366" s="59"/>
      <c r="F366" s="59"/>
      <c r="G366" s="59"/>
      <c r="H366" s="59"/>
      <c r="I366" s="59"/>
      <c r="J366" s="32"/>
      <c r="K366" s="74"/>
      <c r="L366" s="75"/>
      <c r="M366" s="13"/>
      <c r="N366" s="30"/>
      <c r="O366" s="31"/>
      <c r="P366" s="32"/>
    </row>
    <row r="367" spans="1:16" ht="16.5" customHeight="1" x14ac:dyDescent="0.25">
      <c r="A367" s="60" t="s">
        <v>48</v>
      </c>
      <c r="B367" s="61"/>
      <c r="C367" s="61"/>
      <c r="D367" s="61"/>
      <c r="E367" s="61"/>
      <c r="F367" s="61"/>
      <c r="G367" s="61"/>
      <c r="H367" s="61"/>
      <c r="I367" s="61"/>
      <c r="J367" s="34"/>
      <c r="K367" s="76"/>
      <c r="L367" s="77"/>
      <c r="M367" s="14"/>
      <c r="N367" s="35"/>
      <c r="O367" s="33"/>
      <c r="P367" s="34"/>
    </row>
    <row r="368" spans="1:16" ht="16.5" customHeight="1" x14ac:dyDescent="0.25">
      <c r="A368" s="48" t="s">
        <v>49</v>
      </c>
      <c r="B368" s="39"/>
      <c r="C368" s="39"/>
      <c r="D368" s="39"/>
      <c r="E368" s="39"/>
      <c r="F368" s="39"/>
      <c r="G368" s="39"/>
      <c r="H368" s="39"/>
      <c r="I368" s="39"/>
      <c r="J368" s="29"/>
      <c r="L368" s="69"/>
      <c r="M368" s="12" t="s">
        <v>24</v>
      </c>
      <c r="N368" s="28"/>
      <c r="P368" s="29"/>
    </row>
    <row r="369" spans="1:16" ht="16.5" customHeight="1" x14ac:dyDescent="0.25">
      <c r="A369" s="48"/>
      <c r="B369" s="39" t="s">
        <v>494</v>
      </c>
      <c r="C369" s="39"/>
      <c r="D369" s="39"/>
      <c r="E369" s="39"/>
      <c r="F369" s="39"/>
      <c r="G369" s="39"/>
      <c r="H369" s="39"/>
      <c r="I369" s="39"/>
      <c r="J369" s="29"/>
      <c r="K369" s="86" t="s">
        <v>101</v>
      </c>
      <c r="L369" s="87" t="s">
        <v>101</v>
      </c>
      <c r="M369" s="12"/>
      <c r="N369" s="28"/>
      <c r="P369" s="29"/>
    </row>
    <row r="370" spans="1:16" ht="16.5" customHeight="1" x14ac:dyDescent="0.25">
      <c r="A370" s="48"/>
      <c r="B370" s="39" t="s">
        <v>495</v>
      </c>
      <c r="C370" s="39"/>
      <c r="D370" s="39"/>
      <c r="E370" s="39"/>
      <c r="F370" s="39"/>
      <c r="G370" s="39"/>
      <c r="H370" s="39"/>
      <c r="I370" s="39"/>
      <c r="J370" s="29"/>
      <c r="K370" s="86" t="s">
        <v>101</v>
      </c>
      <c r="L370" s="87" t="s">
        <v>101</v>
      </c>
      <c r="M370" s="12"/>
      <c r="N370" s="28"/>
      <c r="P370" s="29"/>
    </row>
    <row r="371" spans="1:16" ht="16.5" customHeight="1" x14ac:dyDescent="0.25">
      <c r="A371" s="48"/>
      <c r="B371" s="39" t="s">
        <v>496</v>
      </c>
      <c r="C371" s="39"/>
      <c r="D371" s="39"/>
      <c r="E371" s="39"/>
      <c r="F371" s="39"/>
      <c r="G371" s="39"/>
      <c r="H371" s="39"/>
      <c r="I371" s="39"/>
      <c r="J371" s="29"/>
      <c r="K371" s="86" t="s">
        <v>101</v>
      </c>
      <c r="L371" s="87" t="s">
        <v>101</v>
      </c>
      <c r="M371" s="12"/>
      <c r="N371" s="28"/>
      <c r="P371" s="29"/>
    </row>
    <row r="372" spans="1:16" ht="16.5" customHeight="1" x14ac:dyDescent="0.25">
      <c r="A372" s="48"/>
      <c r="B372" s="39" t="s">
        <v>103</v>
      </c>
      <c r="D372" s="39"/>
      <c r="E372" s="39"/>
      <c r="F372" s="39"/>
      <c r="G372" s="39"/>
      <c r="H372" s="39"/>
      <c r="I372" s="39"/>
      <c r="J372" s="29"/>
      <c r="L372" s="69"/>
      <c r="M372" s="12"/>
      <c r="N372" s="28"/>
      <c r="P372" s="29"/>
    </row>
    <row r="373" spans="1:16" ht="16.5" customHeight="1" x14ac:dyDescent="0.25">
      <c r="A373" s="48"/>
      <c r="B373" s="39"/>
      <c r="C373" s="39" t="s">
        <v>88</v>
      </c>
      <c r="D373" s="258"/>
      <c r="E373" s="258"/>
      <c r="F373" s="258"/>
      <c r="G373" s="258"/>
      <c r="H373" s="258"/>
      <c r="I373" s="258"/>
      <c r="J373" s="29"/>
      <c r="L373" s="69"/>
      <c r="M373" s="12"/>
      <c r="N373" s="28"/>
      <c r="P373" s="29"/>
    </row>
    <row r="374" spans="1:16" ht="16.5" customHeight="1" x14ac:dyDescent="0.25">
      <c r="A374" s="48"/>
      <c r="B374" s="39"/>
      <c r="C374" s="324"/>
      <c r="D374" s="325"/>
      <c r="E374" s="325"/>
      <c r="F374" s="325"/>
      <c r="G374" s="325"/>
      <c r="H374" s="325"/>
      <c r="I374" s="326"/>
      <c r="J374" s="29"/>
      <c r="L374" s="69"/>
      <c r="M374" s="12"/>
      <c r="N374" s="28"/>
      <c r="P374" s="29"/>
    </row>
    <row r="375" spans="1:16" ht="16.5" customHeight="1" x14ac:dyDescent="0.25">
      <c r="A375" s="48"/>
      <c r="B375" s="39"/>
      <c r="C375" s="327"/>
      <c r="D375" s="328"/>
      <c r="E375" s="328"/>
      <c r="F375" s="328"/>
      <c r="G375" s="328"/>
      <c r="H375" s="328"/>
      <c r="I375" s="329"/>
      <c r="J375" s="29"/>
      <c r="L375" s="69"/>
      <c r="M375" s="12"/>
      <c r="N375" s="28"/>
      <c r="P375" s="29"/>
    </row>
    <row r="376" spans="1:16" ht="16.5" customHeight="1" x14ac:dyDescent="0.25">
      <c r="A376" s="48"/>
      <c r="B376" s="39"/>
      <c r="C376" s="327"/>
      <c r="D376" s="328"/>
      <c r="E376" s="328"/>
      <c r="F376" s="328"/>
      <c r="G376" s="328"/>
      <c r="H376" s="328"/>
      <c r="I376" s="329"/>
      <c r="J376" s="29"/>
      <c r="L376" s="69"/>
      <c r="M376" s="12"/>
      <c r="N376" s="28"/>
      <c r="P376" s="29"/>
    </row>
    <row r="377" spans="1:16" ht="16.5" customHeight="1" x14ac:dyDescent="0.25">
      <c r="A377" s="48"/>
      <c r="B377" s="39"/>
      <c r="C377" s="327"/>
      <c r="D377" s="328"/>
      <c r="E377" s="328"/>
      <c r="F377" s="328"/>
      <c r="G377" s="328"/>
      <c r="H377" s="328"/>
      <c r="I377" s="329"/>
      <c r="J377" s="29"/>
      <c r="L377" s="69"/>
      <c r="M377" s="12"/>
      <c r="N377" s="28"/>
      <c r="P377" s="29"/>
    </row>
    <row r="378" spans="1:16" ht="16.5" customHeight="1" x14ac:dyDescent="0.25">
      <c r="A378" s="48"/>
      <c r="B378" s="39"/>
      <c r="C378" s="327"/>
      <c r="D378" s="328"/>
      <c r="E378" s="328"/>
      <c r="F378" s="328"/>
      <c r="G378" s="328"/>
      <c r="H378" s="328"/>
      <c r="I378" s="329"/>
      <c r="J378" s="29"/>
      <c r="L378" s="69"/>
      <c r="M378" s="12"/>
      <c r="N378" s="28"/>
      <c r="P378" s="29"/>
    </row>
    <row r="379" spans="1:16" ht="16.5" customHeight="1" x14ac:dyDescent="0.25">
      <c r="A379" s="48"/>
      <c r="B379" s="39"/>
      <c r="C379" s="330"/>
      <c r="D379" s="331"/>
      <c r="E379" s="331"/>
      <c r="F379" s="331"/>
      <c r="G379" s="331"/>
      <c r="H379" s="331"/>
      <c r="I379" s="332"/>
      <c r="J379" s="29"/>
      <c r="L379" s="69"/>
      <c r="M379" s="12"/>
      <c r="N379" s="28"/>
      <c r="P379" s="29"/>
    </row>
    <row r="380" spans="1:16" ht="16.5" customHeight="1" x14ac:dyDescent="0.25">
      <c r="A380" s="48"/>
      <c r="B380" s="39"/>
      <c r="C380" s="39"/>
      <c r="D380" s="39"/>
      <c r="E380" s="39"/>
      <c r="F380" s="39"/>
      <c r="G380" s="39"/>
      <c r="H380" s="39"/>
      <c r="I380" s="39"/>
      <c r="J380" s="29"/>
      <c r="L380" s="69"/>
      <c r="M380" s="12"/>
      <c r="N380" s="28"/>
      <c r="P380" s="29"/>
    </row>
    <row r="381" spans="1:16" ht="16.5" customHeight="1" x14ac:dyDescent="0.25">
      <c r="A381" s="48"/>
      <c r="B381" s="39"/>
      <c r="C381" s="39"/>
      <c r="D381" s="39"/>
      <c r="E381" s="39"/>
      <c r="F381" s="39"/>
      <c r="G381" s="39"/>
      <c r="H381" s="39"/>
      <c r="I381" s="39"/>
      <c r="J381" s="29"/>
      <c r="L381" s="69"/>
      <c r="M381" s="12"/>
      <c r="N381" s="28"/>
      <c r="P381" s="29"/>
    </row>
    <row r="382" spans="1:16" ht="16.5" customHeight="1" x14ac:dyDescent="0.25">
      <c r="A382" s="48"/>
      <c r="B382" s="39"/>
      <c r="C382" s="39"/>
      <c r="D382" s="39"/>
      <c r="E382" s="39"/>
      <c r="F382" s="39"/>
      <c r="G382" s="39"/>
      <c r="H382" s="39"/>
      <c r="I382" s="39"/>
      <c r="J382" s="29"/>
      <c r="L382" s="69"/>
      <c r="M382" s="12"/>
      <c r="N382" s="28"/>
      <c r="P382" s="29"/>
    </row>
    <row r="383" spans="1:16" ht="16.5" customHeight="1" x14ac:dyDescent="0.25">
      <c r="A383" s="48"/>
      <c r="B383" s="39"/>
      <c r="C383" s="39"/>
      <c r="D383" s="39"/>
      <c r="E383" s="39"/>
      <c r="F383" s="39"/>
      <c r="G383" s="39"/>
      <c r="H383" s="39"/>
      <c r="I383" s="39"/>
      <c r="J383" s="29"/>
      <c r="L383" s="69"/>
      <c r="M383" s="12"/>
      <c r="N383" s="28"/>
      <c r="P383" s="29"/>
    </row>
    <row r="384" spans="1:16" ht="16.5" customHeight="1" x14ac:dyDescent="0.25">
      <c r="A384" s="48"/>
      <c r="B384" s="39"/>
      <c r="C384" s="39"/>
      <c r="D384" s="39"/>
      <c r="E384" s="39"/>
      <c r="F384" s="39"/>
      <c r="G384" s="39"/>
      <c r="H384" s="39"/>
      <c r="I384" s="39"/>
      <c r="J384" s="29"/>
      <c r="L384" s="69"/>
      <c r="M384" s="12"/>
      <c r="N384" s="28"/>
      <c r="P384" s="29"/>
    </row>
    <row r="385" spans="1:16" ht="16.5" customHeight="1" x14ac:dyDescent="0.25">
      <c r="A385" s="48"/>
      <c r="B385" s="39"/>
      <c r="C385" s="39"/>
      <c r="D385" s="39"/>
      <c r="E385" s="39"/>
      <c r="F385" s="39"/>
      <c r="G385" s="39"/>
      <c r="H385" s="39"/>
      <c r="I385" s="39"/>
      <c r="J385" s="29"/>
      <c r="L385" s="69"/>
      <c r="M385" s="12"/>
      <c r="N385" s="28"/>
      <c r="P385" s="29"/>
    </row>
    <row r="386" spans="1:16" ht="16.5" customHeight="1" x14ac:dyDescent="0.25">
      <c r="A386" s="48"/>
      <c r="B386" s="39"/>
      <c r="C386" s="39"/>
      <c r="D386" s="39"/>
      <c r="E386" s="39"/>
      <c r="F386" s="39"/>
      <c r="G386" s="39"/>
      <c r="H386" s="39"/>
      <c r="I386" s="39"/>
      <c r="J386" s="29"/>
      <c r="L386" s="69"/>
      <c r="M386" s="12"/>
      <c r="N386" s="28"/>
      <c r="P386" s="29"/>
    </row>
    <row r="387" spans="1:16" ht="16.5" customHeight="1" x14ac:dyDescent="0.25">
      <c r="A387" s="48"/>
      <c r="B387" s="39"/>
      <c r="C387" s="39"/>
      <c r="D387" s="39"/>
      <c r="E387" s="39"/>
      <c r="F387" s="39"/>
      <c r="G387" s="39"/>
      <c r="H387" s="39"/>
      <c r="I387" s="39"/>
      <c r="J387" s="29"/>
      <c r="L387" s="69"/>
      <c r="M387" s="12"/>
      <c r="N387" s="28"/>
      <c r="P387" s="29"/>
    </row>
    <row r="388" spans="1:16" ht="16.5" customHeight="1" x14ac:dyDescent="0.25">
      <c r="A388" s="48"/>
      <c r="B388" s="39"/>
      <c r="C388" s="39"/>
      <c r="D388" s="39"/>
      <c r="E388" s="39"/>
      <c r="F388" s="39"/>
      <c r="G388" s="39"/>
      <c r="H388" s="39"/>
      <c r="I388" s="39"/>
      <c r="J388" s="29"/>
      <c r="L388" s="69"/>
      <c r="M388" s="12"/>
      <c r="N388" s="28"/>
      <c r="P388" s="29"/>
    </row>
    <row r="389" spans="1:16" ht="16.5" customHeight="1" x14ac:dyDescent="0.25">
      <c r="A389" s="48"/>
      <c r="B389" s="39"/>
      <c r="C389" s="39"/>
      <c r="D389" s="39"/>
      <c r="E389" s="39"/>
      <c r="F389" s="39"/>
      <c r="G389" s="39"/>
      <c r="H389" s="39"/>
      <c r="I389" s="39"/>
      <c r="J389" s="29"/>
      <c r="L389" s="69"/>
      <c r="M389" s="12"/>
      <c r="N389" s="28"/>
      <c r="P389" s="29"/>
    </row>
    <row r="390" spans="1:16" ht="16.5" customHeight="1" x14ac:dyDescent="0.25">
      <c r="A390" s="48"/>
      <c r="B390" s="39"/>
      <c r="C390" s="39"/>
      <c r="D390" s="39"/>
      <c r="E390" s="39"/>
      <c r="F390" s="39"/>
      <c r="G390" s="39"/>
      <c r="H390" s="39"/>
      <c r="I390" s="39"/>
      <c r="J390" s="29"/>
      <c r="L390" s="69"/>
      <c r="M390" s="12"/>
      <c r="N390" s="28"/>
      <c r="P390" s="29"/>
    </row>
    <row r="391" spans="1:16" ht="16.5" customHeight="1" x14ac:dyDescent="0.25">
      <c r="A391" s="48"/>
      <c r="B391" s="39"/>
      <c r="C391" s="39"/>
      <c r="D391" s="39"/>
      <c r="E391" s="39"/>
      <c r="F391" s="39"/>
      <c r="G391" s="39"/>
      <c r="H391" s="39"/>
      <c r="I391" s="39"/>
      <c r="J391" s="29"/>
      <c r="L391" s="69"/>
      <c r="M391" s="12"/>
      <c r="N391" s="28"/>
      <c r="P391" s="29"/>
    </row>
    <row r="392" spans="1:16" ht="16.5" customHeight="1" x14ac:dyDescent="0.25">
      <c r="A392" s="48"/>
      <c r="B392" s="39"/>
      <c r="C392" s="39"/>
      <c r="D392" s="39"/>
      <c r="E392" s="39"/>
      <c r="F392" s="39"/>
      <c r="G392" s="39"/>
      <c r="H392" s="39"/>
      <c r="I392" s="39"/>
      <c r="J392" s="29"/>
      <c r="L392" s="69"/>
      <c r="M392" s="12"/>
      <c r="N392" s="28"/>
      <c r="P392" s="29"/>
    </row>
    <row r="393" spans="1:16" ht="16.5" customHeight="1" x14ac:dyDescent="0.25">
      <c r="A393" s="48"/>
      <c r="B393" s="39"/>
      <c r="C393" s="39"/>
      <c r="D393" s="39"/>
      <c r="E393" s="39"/>
      <c r="F393" s="39"/>
      <c r="G393" s="39"/>
      <c r="H393" s="39"/>
      <c r="I393" s="39"/>
      <c r="J393" s="29"/>
      <c r="L393" s="69"/>
      <c r="M393" s="12"/>
      <c r="N393" s="28"/>
      <c r="P393" s="29"/>
    </row>
    <row r="394" spans="1:16" ht="16.5" customHeight="1" x14ac:dyDescent="0.25">
      <c r="A394" s="48"/>
      <c r="B394" s="39"/>
      <c r="C394" s="39"/>
      <c r="D394" s="39"/>
      <c r="E394" s="39"/>
      <c r="F394" s="39"/>
      <c r="G394" s="39"/>
      <c r="H394" s="39"/>
      <c r="I394" s="39"/>
      <c r="J394" s="29"/>
      <c r="L394" s="69"/>
      <c r="M394" s="12"/>
      <c r="N394" s="28"/>
      <c r="P394" s="29"/>
    </row>
    <row r="395" spans="1:16" ht="16.5" customHeight="1" x14ac:dyDescent="0.25">
      <c r="A395" s="48"/>
      <c r="B395" s="39"/>
      <c r="C395" s="39"/>
      <c r="D395" s="39"/>
      <c r="E395" s="39"/>
      <c r="F395" s="39"/>
      <c r="G395" s="39"/>
      <c r="H395" s="39"/>
      <c r="I395" s="39"/>
      <c r="J395" s="29"/>
      <c r="L395" s="69"/>
      <c r="M395" s="12"/>
      <c r="N395" s="28"/>
      <c r="P395" s="29"/>
    </row>
    <row r="396" spans="1:16" ht="16.5" customHeight="1" x14ac:dyDescent="0.25">
      <c r="A396" s="48"/>
      <c r="B396" s="39"/>
      <c r="C396" s="39"/>
      <c r="D396" s="39"/>
      <c r="E396" s="39"/>
      <c r="F396" s="39"/>
      <c r="G396" s="39"/>
      <c r="H396" s="39"/>
      <c r="I396" s="39"/>
      <c r="J396" s="29"/>
      <c r="L396" s="69"/>
      <c r="M396" s="12"/>
      <c r="N396" s="28"/>
      <c r="P396" s="29"/>
    </row>
    <row r="397" spans="1:16" ht="16.5" customHeight="1" x14ac:dyDescent="0.25">
      <c r="A397" s="48"/>
      <c r="B397" s="39"/>
      <c r="C397" s="39"/>
      <c r="D397" s="39"/>
      <c r="E397" s="39"/>
      <c r="F397" s="39"/>
      <c r="G397" s="39"/>
      <c r="H397" s="39"/>
      <c r="I397" s="39"/>
      <c r="J397" s="29"/>
      <c r="L397" s="69"/>
      <c r="M397" s="12"/>
      <c r="N397" s="28"/>
      <c r="P397" s="29"/>
    </row>
    <row r="398" spans="1:16" ht="16.5" customHeight="1" x14ac:dyDescent="0.25">
      <c r="A398" s="48"/>
      <c r="B398" s="39"/>
      <c r="C398" s="39"/>
      <c r="D398" s="39"/>
      <c r="E398" s="39"/>
      <c r="F398" s="39"/>
      <c r="G398" s="39"/>
      <c r="H398" s="39"/>
      <c r="I398" s="39"/>
      <c r="J398" s="29"/>
      <c r="L398" s="69"/>
      <c r="M398" s="12"/>
      <c r="N398" s="28"/>
      <c r="P398" s="29"/>
    </row>
    <row r="399" spans="1:16" ht="16.5" customHeight="1" x14ac:dyDescent="0.25">
      <c r="A399" s="48"/>
      <c r="B399" s="39"/>
      <c r="C399" s="39"/>
      <c r="D399" s="39"/>
      <c r="E399" s="39"/>
      <c r="F399" s="39"/>
      <c r="G399" s="39"/>
      <c r="H399" s="39"/>
      <c r="I399" s="39"/>
      <c r="J399" s="29"/>
      <c r="L399" s="69"/>
      <c r="M399" s="12"/>
      <c r="N399" s="28"/>
      <c r="P399" s="29"/>
    </row>
    <row r="400" spans="1:16" ht="16.5" customHeight="1" x14ac:dyDescent="0.25">
      <c r="A400" s="48"/>
      <c r="B400" s="39"/>
      <c r="C400" s="39"/>
      <c r="D400" s="39"/>
      <c r="E400" s="39"/>
      <c r="F400" s="39"/>
      <c r="G400" s="39"/>
      <c r="H400" s="39"/>
      <c r="I400" s="39"/>
      <c r="J400" s="29"/>
      <c r="L400" s="69"/>
      <c r="M400" s="12"/>
      <c r="N400" s="28"/>
      <c r="P400" s="29"/>
    </row>
    <row r="401" spans="1:16" ht="16.5" customHeight="1" x14ac:dyDescent="0.25">
      <c r="A401" s="48"/>
      <c r="B401" s="39"/>
      <c r="C401" s="39"/>
      <c r="D401" s="39"/>
      <c r="E401" s="39"/>
      <c r="F401" s="39"/>
      <c r="G401" s="39"/>
      <c r="H401" s="39"/>
      <c r="I401" s="39"/>
      <c r="J401" s="29"/>
      <c r="L401" s="69"/>
      <c r="M401" s="12"/>
      <c r="N401" s="28"/>
      <c r="P401" s="29"/>
    </row>
    <row r="402" spans="1:16" ht="16.5" customHeight="1" x14ac:dyDescent="0.25">
      <c r="A402" s="48"/>
      <c r="B402" s="39"/>
      <c r="C402" s="39"/>
      <c r="D402" s="39"/>
      <c r="E402" s="39"/>
      <c r="F402" s="39"/>
      <c r="G402" s="39"/>
      <c r="H402" s="39"/>
      <c r="I402" s="39"/>
      <c r="J402" s="29"/>
      <c r="L402" s="69"/>
      <c r="M402" s="12"/>
      <c r="N402" s="28"/>
      <c r="P402" s="29"/>
    </row>
    <row r="403" spans="1:16" ht="16.5" customHeight="1" x14ac:dyDescent="0.25">
      <c r="A403" s="48"/>
      <c r="B403" s="39"/>
      <c r="C403" s="39"/>
      <c r="D403" s="39"/>
      <c r="E403" s="39"/>
      <c r="F403" s="39"/>
      <c r="G403" s="39"/>
      <c r="H403" s="39"/>
      <c r="I403" s="39"/>
      <c r="J403" s="29"/>
      <c r="L403" s="69"/>
      <c r="M403" s="12"/>
      <c r="N403" s="28"/>
      <c r="P403" s="29"/>
    </row>
    <row r="404" spans="1:16" ht="16.5" customHeight="1" x14ac:dyDescent="0.25">
      <c r="A404" s="48"/>
      <c r="B404" s="39"/>
      <c r="C404" s="39"/>
      <c r="D404" s="39"/>
      <c r="E404" s="39"/>
      <c r="F404" s="39"/>
      <c r="G404" s="39"/>
      <c r="H404" s="39"/>
      <c r="I404" s="39"/>
      <c r="J404" s="29"/>
      <c r="L404" s="69"/>
      <c r="M404" s="12"/>
      <c r="N404" s="28"/>
      <c r="P404" s="29"/>
    </row>
    <row r="405" spans="1:16" ht="16.5" customHeight="1" x14ac:dyDescent="0.25">
      <c r="A405" s="48"/>
      <c r="B405" s="39"/>
      <c r="C405" s="39"/>
      <c r="D405" s="39"/>
      <c r="E405" s="39"/>
      <c r="F405" s="39"/>
      <c r="G405" s="39"/>
      <c r="H405" s="39"/>
      <c r="I405" s="39"/>
      <c r="J405" s="29"/>
      <c r="L405" s="69"/>
      <c r="M405" s="12"/>
      <c r="N405" s="28"/>
      <c r="P405" s="29"/>
    </row>
    <row r="406" spans="1:16" ht="16.5" customHeight="1" x14ac:dyDescent="0.25">
      <c r="A406" s="48"/>
      <c r="B406" s="39"/>
      <c r="C406" s="39"/>
      <c r="D406" s="39"/>
      <c r="E406" s="39"/>
      <c r="F406" s="39"/>
      <c r="G406" s="39"/>
      <c r="H406" s="39"/>
      <c r="I406" s="39"/>
      <c r="J406" s="29"/>
      <c r="L406" s="69"/>
      <c r="M406" s="12"/>
      <c r="N406" s="28"/>
      <c r="P406" s="29"/>
    </row>
    <row r="407" spans="1:16" ht="16.5" customHeight="1" x14ac:dyDescent="0.25">
      <c r="A407" s="48"/>
      <c r="B407" s="39"/>
      <c r="C407" s="39"/>
      <c r="D407" s="39"/>
      <c r="E407" s="39"/>
      <c r="F407" s="39"/>
      <c r="G407" s="39"/>
      <c r="H407" s="39"/>
      <c r="I407" s="39"/>
      <c r="J407" s="29"/>
      <c r="L407" s="69"/>
      <c r="M407" s="12"/>
      <c r="N407" s="28"/>
      <c r="P407" s="29"/>
    </row>
    <row r="408" spans="1:16" ht="16.5" customHeight="1" x14ac:dyDescent="0.25">
      <c r="A408" s="48"/>
      <c r="B408" s="39"/>
      <c r="C408" s="39"/>
      <c r="D408" s="39"/>
      <c r="E408" s="39"/>
      <c r="F408" s="39"/>
      <c r="G408" s="39"/>
      <c r="H408" s="39"/>
      <c r="I408" s="39"/>
      <c r="J408" s="29"/>
      <c r="L408" s="69"/>
      <c r="M408" s="12"/>
      <c r="N408" s="28"/>
      <c r="P408" s="29"/>
    </row>
    <row r="409" spans="1:16" ht="16.5" customHeight="1" x14ac:dyDescent="0.25">
      <c r="A409" s="48"/>
      <c r="B409" s="39"/>
      <c r="C409" s="39"/>
      <c r="D409" s="39"/>
      <c r="E409" s="39"/>
      <c r="F409" s="39"/>
      <c r="G409" s="39"/>
      <c r="H409" s="39"/>
      <c r="I409" s="39"/>
      <c r="J409" s="29"/>
      <c r="L409" s="69"/>
      <c r="M409" s="12"/>
      <c r="N409" s="28"/>
      <c r="P409" s="29"/>
    </row>
    <row r="410" spans="1:16" ht="16.5" customHeight="1" x14ac:dyDescent="0.25">
      <c r="A410" s="48"/>
      <c r="B410" s="39"/>
      <c r="C410" s="39"/>
      <c r="D410" s="39"/>
      <c r="E410" s="39"/>
      <c r="F410" s="39"/>
      <c r="G410" s="39"/>
      <c r="H410" s="39"/>
      <c r="I410" s="39"/>
      <c r="J410" s="29"/>
      <c r="L410" s="69"/>
      <c r="M410" s="12"/>
      <c r="N410" s="28"/>
      <c r="P410" s="29"/>
    </row>
    <row r="411" spans="1:16" ht="16.5" customHeight="1" x14ac:dyDescent="0.25">
      <c r="A411" s="48"/>
      <c r="B411" s="39"/>
      <c r="C411" s="39"/>
      <c r="D411" s="39"/>
      <c r="E411" s="39"/>
      <c r="F411" s="39"/>
      <c r="G411" s="39"/>
      <c r="H411" s="39"/>
      <c r="I411" s="39"/>
      <c r="J411" s="29"/>
      <c r="L411" s="69"/>
      <c r="M411" s="12"/>
      <c r="N411" s="28"/>
      <c r="P411" s="29"/>
    </row>
    <row r="412" spans="1:16" ht="16.5" customHeight="1" x14ac:dyDescent="0.25">
      <c r="A412" s="48"/>
      <c r="B412" s="39"/>
      <c r="C412" s="39"/>
      <c r="D412" s="39"/>
      <c r="E412" s="39"/>
      <c r="F412" s="39"/>
      <c r="G412" s="39"/>
      <c r="H412" s="39"/>
      <c r="I412" s="39"/>
      <c r="J412" s="29"/>
      <c r="L412" s="69"/>
      <c r="M412" s="12"/>
      <c r="N412" s="28"/>
      <c r="P412" s="29"/>
    </row>
    <row r="413" spans="1:16" ht="16.5" customHeight="1" x14ac:dyDescent="0.25">
      <c r="A413" s="58"/>
      <c r="B413" s="59"/>
      <c r="C413" s="59"/>
      <c r="D413" s="59"/>
      <c r="E413" s="59"/>
      <c r="F413" s="59"/>
      <c r="G413" s="59"/>
      <c r="H413" s="59"/>
      <c r="I413" s="59"/>
      <c r="J413" s="32"/>
      <c r="K413" s="74"/>
      <c r="L413" s="75"/>
      <c r="M413" s="13"/>
      <c r="N413" s="30"/>
      <c r="O413" s="31"/>
      <c r="P413" s="32"/>
    </row>
    <row r="414" spans="1:16" ht="16.5" customHeight="1" x14ac:dyDescent="0.25">
      <c r="A414" s="60" t="s">
        <v>50</v>
      </c>
      <c r="B414" s="61"/>
      <c r="C414" s="61"/>
      <c r="D414" s="61"/>
      <c r="E414" s="61"/>
      <c r="F414" s="61"/>
      <c r="G414" s="61"/>
      <c r="H414" s="61"/>
      <c r="I414" s="61"/>
      <c r="J414" s="34"/>
      <c r="K414" s="76"/>
      <c r="L414" s="77"/>
      <c r="M414" s="14"/>
      <c r="N414" s="35"/>
      <c r="O414" s="33"/>
      <c r="P414" s="34"/>
    </row>
    <row r="415" spans="1:16" ht="16.5" customHeight="1" x14ac:dyDescent="0.25">
      <c r="A415" s="48" t="s">
        <v>51</v>
      </c>
      <c r="B415" s="39"/>
      <c r="C415" s="39"/>
      <c r="D415" s="39"/>
      <c r="E415" s="39"/>
      <c r="F415" s="39"/>
      <c r="G415" s="39"/>
      <c r="H415" s="39"/>
      <c r="I415" s="39"/>
      <c r="J415" s="29"/>
      <c r="L415" s="69"/>
      <c r="M415" s="12" t="s">
        <v>25</v>
      </c>
      <c r="N415" s="28"/>
      <c r="P415" s="29"/>
    </row>
    <row r="416" spans="1:16" ht="16.5" customHeight="1" x14ac:dyDescent="0.25">
      <c r="A416" s="48"/>
      <c r="B416" s="39" t="s">
        <v>89</v>
      </c>
      <c r="C416" s="39"/>
      <c r="D416" s="39"/>
      <c r="E416" s="39"/>
      <c r="F416" s="39"/>
      <c r="G416" s="39"/>
      <c r="H416" s="39"/>
      <c r="I416" s="39"/>
      <c r="J416" s="29"/>
      <c r="L416" s="69"/>
      <c r="M416" s="12"/>
      <c r="N416" s="28"/>
      <c r="P416" s="29"/>
    </row>
    <row r="417" spans="1:16" ht="16.5" customHeight="1" x14ac:dyDescent="0.25">
      <c r="A417" s="48"/>
      <c r="B417" s="39"/>
      <c r="C417" s="39" t="s">
        <v>4</v>
      </c>
      <c r="D417" s="39"/>
      <c r="E417" s="39"/>
      <c r="F417" s="39"/>
      <c r="G417" s="39"/>
      <c r="H417" s="39"/>
      <c r="I417" s="39"/>
      <c r="J417" s="29"/>
      <c r="K417" s="86" t="s">
        <v>101</v>
      </c>
      <c r="L417" s="87" t="s">
        <v>101</v>
      </c>
      <c r="M417" s="12"/>
      <c r="N417" s="28"/>
      <c r="P417" s="29"/>
    </row>
    <row r="418" spans="1:16" ht="16.5" customHeight="1" x14ac:dyDescent="0.25">
      <c r="A418" s="48"/>
      <c r="B418" s="39"/>
      <c r="C418" s="39" t="s">
        <v>5</v>
      </c>
      <c r="D418" s="39"/>
      <c r="E418" s="39"/>
      <c r="F418" s="39"/>
      <c r="G418" s="39"/>
      <c r="H418" s="39"/>
      <c r="I418" s="39"/>
      <c r="J418" s="29"/>
      <c r="K418" s="86" t="s">
        <v>101</v>
      </c>
      <c r="L418" s="87" t="s">
        <v>101</v>
      </c>
      <c r="M418" s="12"/>
      <c r="N418" s="28"/>
      <c r="P418" s="29"/>
    </row>
    <row r="419" spans="1:16" ht="16.5" customHeight="1" x14ac:dyDescent="0.25">
      <c r="A419" s="48"/>
      <c r="B419" s="39"/>
      <c r="C419" s="39" t="s">
        <v>6</v>
      </c>
      <c r="D419" s="39"/>
      <c r="E419" s="39"/>
      <c r="F419" s="39"/>
      <c r="G419" s="39"/>
      <c r="H419" s="39"/>
      <c r="I419" s="39"/>
      <c r="J419" s="29"/>
      <c r="K419" s="86" t="s">
        <v>101</v>
      </c>
      <c r="L419" s="87" t="s">
        <v>101</v>
      </c>
      <c r="M419" s="12"/>
      <c r="N419" s="28"/>
      <c r="P419" s="29"/>
    </row>
    <row r="420" spans="1:16" ht="16.5" customHeight="1" x14ac:dyDescent="0.25">
      <c r="A420" s="48"/>
      <c r="B420" s="39"/>
      <c r="C420" s="39" t="s">
        <v>242</v>
      </c>
      <c r="D420" s="39"/>
      <c r="E420" s="39"/>
      <c r="F420" s="39"/>
      <c r="G420" s="39"/>
      <c r="H420" s="39"/>
      <c r="I420" s="39"/>
      <c r="J420" s="29"/>
      <c r="K420" s="86" t="s">
        <v>101</v>
      </c>
      <c r="L420" s="87" t="s">
        <v>101</v>
      </c>
      <c r="M420" s="12"/>
      <c r="N420" s="28"/>
      <c r="P420" s="29"/>
    </row>
    <row r="421" spans="1:16" ht="16.5" customHeight="1" x14ac:dyDescent="0.25">
      <c r="A421" s="48"/>
      <c r="B421" s="39"/>
      <c r="C421" s="39" t="s">
        <v>7</v>
      </c>
      <c r="D421" s="39"/>
      <c r="E421" s="39"/>
      <c r="F421" s="39"/>
      <c r="G421" s="39"/>
      <c r="H421" s="39"/>
      <c r="I421" s="39"/>
      <c r="J421" s="29"/>
      <c r="K421" s="86" t="s">
        <v>101</v>
      </c>
      <c r="L421" s="87" t="s">
        <v>101</v>
      </c>
      <c r="M421" s="12"/>
      <c r="N421" s="28"/>
      <c r="P421" s="29"/>
    </row>
    <row r="422" spans="1:16" ht="16.5" customHeight="1" x14ac:dyDescent="0.25">
      <c r="A422" s="48"/>
      <c r="B422" s="39"/>
      <c r="C422" s="39" t="s">
        <v>3</v>
      </c>
      <c r="D422" s="39"/>
      <c r="E422" s="39"/>
      <c r="F422" s="39"/>
      <c r="G422" s="39"/>
      <c r="H422" s="39"/>
      <c r="I422" s="39"/>
      <c r="J422" s="29"/>
      <c r="K422" s="86" t="s">
        <v>101</v>
      </c>
      <c r="L422" s="87" t="s">
        <v>101</v>
      </c>
      <c r="M422" s="12"/>
      <c r="N422" s="28"/>
      <c r="P422" s="29"/>
    </row>
    <row r="423" spans="1:16" ht="16.5" customHeight="1" x14ac:dyDescent="0.25">
      <c r="A423" s="48"/>
      <c r="B423" s="39"/>
      <c r="C423" s="39" t="s">
        <v>562</v>
      </c>
      <c r="D423" s="39"/>
      <c r="E423" s="39"/>
      <c r="F423" s="39"/>
      <c r="G423" s="39"/>
      <c r="H423" s="39"/>
      <c r="I423" s="39"/>
      <c r="J423" s="29"/>
      <c r="K423" s="86" t="s">
        <v>101</v>
      </c>
      <c r="L423" s="87" t="s">
        <v>101</v>
      </c>
      <c r="M423" s="12"/>
      <c r="N423" s="28"/>
      <c r="P423" s="29"/>
    </row>
    <row r="424" spans="1:16" ht="16.5" customHeight="1" x14ac:dyDescent="0.25">
      <c r="A424" s="48"/>
      <c r="B424" s="39"/>
      <c r="C424" s="39" t="s">
        <v>8</v>
      </c>
      <c r="D424" s="39"/>
      <c r="E424" s="39"/>
      <c r="F424" s="39"/>
      <c r="G424" s="39"/>
      <c r="H424" s="39"/>
      <c r="I424" s="39"/>
      <c r="J424" s="29"/>
      <c r="K424" s="86" t="s">
        <v>101</v>
      </c>
      <c r="L424" s="87" t="s">
        <v>101</v>
      </c>
      <c r="M424" s="12"/>
      <c r="N424" s="28"/>
      <c r="P424" s="29"/>
    </row>
    <row r="425" spans="1:16" ht="16.5" customHeight="1" x14ac:dyDescent="0.25">
      <c r="A425" s="48"/>
      <c r="B425" s="39"/>
      <c r="C425" s="39"/>
      <c r="D425" s="39"/>
      <c r="E425" s="39"/>
      <c r="F425" s="39"/>
      <c r="G425" s="39"/>
      <c r="H425" s="39"/>
      <c r="I425" s="39"/>
      <c r="J425" s="29"/>
      <c r="L425" s="69"/>
      <c r="M425" s="12"/>
      <c r="N425" s="28"/>
      <c r="P425" s="29"/>
    </row>
    <row r="426" spans="1:16" ht="16.5" customHeight="1" x14ac:dyDescent="0.25">
      <c r="A426" s="48"/>
      <c r="B426" s="39"/>
      <c r="C426" s="39"/>
      <c r="D426" s="39"/>
      <c r="E426" s="39"/>
      <c r="F426" s="39"/>
      <c r="G426" s="39"/>
      <c r="H426" s="39"/>
      <c r="I426" s="39"/>
      <c r="J426" s="29"/>
      <c r="L426" s="69"/>
      <c r="M426" s="12"/>
      <c r="N426" s="28"/>
      <c r="P426" s="29"/>
    </row>
    <row r="427" spans="1:16" ht="16.5" customHeight="1" x14ac:dyDescent="0.25">
      <c r="A427" s="48"/>
      <c r="B427" s="39"/>
      <c r="C427" s="39"/>
      <c r="D427" s="39"/>
      <c r="E427" s="39"/>
      <c r="F427" s="39"/>
      <c r="G427" s="39"/>
      <c r="H427" s="39"/>
      <c r="I427" s="39"/>
      <c r="J427" s="29"/>
      <c r="L427" s="69"/>
      <c r="M427" s="12"/>
      <c r="N427" s="28"/>
      <c r="P427" s="29"/>
    </row>
    <row r="428" spans="1:16" ht="16.5" customHeight="1" x14ac:dyDescent="0.25">
      <c r="A428" s="48"/>
      <c r="B428" s="39"/>
      <c r="C428" s="39"/>
      <c r="D428" s="39"/>
      <c r="E428" s="39"/>
      <c r="F428" s="39"/>
      <c r="G428" s="39"/>
      <c r="H428" s="39"/>
      <c r="I428" s="39"/>
      <c r="J428" s="29"/>
      <c r="L428" s="69"/>
      <c r="M428" s="12"/>
      <c r="N428" s="28"/>
      <c r="P428" s="29"/>
    </row>
    <row r="429" spans="1:16" ht="16.5" customHeight="1" x14ac:dyDescent="0.25">
      <c r="A429" s="48"/>
      <c r="B429" s="39"/>
      <c r="C429" s="39"/>
      <c r="D429" s="39"/>
      <c r="E429" s="39"/>
      <c r="F429" s="39"/>
      <c r="G429" s="39"/>
      <c r="H429" s="39"/>
      <c r="I429" s="39"/>
      <c r="J429" s="29"/>
      <c r="L429" s="69"/>
      <c r="M429" s="12"/>
      <c r="N429" s="28"/>
      <c r="P429" s="29"/>
    </row>
    <row r="430" spans="1:16" ht="16.5" customHeight="1" x14ac:dyDescent="0.25">
      <c r="A430" s="48"/>
      <c r="B430" s="39"/>
      <c r="C430" s="39"/>
      <c r="D430" s="39"/>
      <c r="E430" s="39"/>
      <c r="F430" s="39"/>
      <c r="G430" s="39"/>
      <c r="H430" s="39"/>
      <c r="I430" s="39"/>
      <c r="J430" s="29"/>
      <c r="L430" s="69"/>
      <c r="M430" s="12"/>
      <c r="N430" s="28"/>
      <c r="P430" s="29"/>
    </row>
    <row r="431" spans="1:16" ht="16.5" customHeight="1" x14ac:dyDescent="0.25">
      <c r="A431" s="48"/>
      <c r="B431" s="39"/>
      <c r="C431" s="39"/>
      <c r="D431" s="39"/>
      <c r="E431" s="39"/>
      <c r="F431" s="39"/>
      <c r="G431" s="39"/>
      <c r="H431" s="39"/>
      <c r="I431" s="39"/>
      <c r="J431" s="29"/>
      <c r="L431" s="69"/>
      <c r="M431" s="12"/>
      <c r="N431" s="28"/>
      <c r="P431" s="29"/>
    </row>
    <row r="432" spans="1:16" ht="16.5" customHeight="1" x14ac:dyDescent="0.25">
      <c r="A432" s="48"/>
      <c r="B432" s="39"/>
      <c r="C432" s="39"/>
      <c r="D432" s="39"/>
      <c r="E432" s="39"/>
      <c r="F432" s="39"/>
      <c r="G432" s="39"/>
      <c r="H432" s="39"/>
      <c r="I432" s="39"/>
      <c r="J432" s="29"/>
      <c r="L432" s="69"/>
      <c r="M432" s="12"/>
      <c r="N432" s="28"/>
      <c r="P432" s="29"/>
    </row>
    <row r="433" spans="1:16" ht="16.5" customHeight="1" x14ac:dyDescent="0.25">
      <c r="A433" s="48"/>
      <c r="B433" s="39"/>
      <c r="C433" s="39"/>
      <c r="D433" s="39"/>
      <c r="E433" s="39"/>
      <c r="F433" s="39"/>
      <c r="G433" s="39"/>
      <c r="H433" s="39"/>
      <c r="I433" s="39"/>
      <c r="J433" s="29"/>
      <c r="L433" s="69"/>
      <c r="M433" s="12"/>
      <c r="N433" s="28"/>
      <c r="P433" s="29"/>
    </row>
    <row r="434" spans="1:16" ht="16.5" customHeight="1" x14ac:dyDescent="0.25">
      <c r="A434" s="58"/>
      <c r="B434" s="59"/>
      <c r="C434" s="59"/>
      <c r="D434" s="59"/>
      <c r="E434" s="59"/>
      <c r="F434" s="59"/>
      <c r="G434" s="59"/>
      <c r="H434" s="59"/>
      <c r="I434" s="59"/>
      <c r="J434" s="32"/>
      <c r="K434" s="74"/>
      <c r="L434" s="75"/>
      <c r="M434" s="13"/>
      <c r="N434" s="30"/>
      <c r="O434" s="31"/>
      <c r="P434" s="32"/>
    </row>
    <row r="435" spans="1:16" ht="16.5" customHeight="1" x14ac:dyDescent="0.25">
      <c r="A435" s="48" t="s">
        <v>52</v>
      </c>
      <c r="B435" s="39"/>
      <c r="C435" s="39"/>
      <c r="D435" s="39"/>
      <c r="E435" s="39"/>
      <c r="F435" s="39"/>
      <c r="G435" s="39"/>
      <c r="H435" s="39"/>
      <c r="I435" s="39"/>
      <c r="J435" s="29"/>
      <c r="L435" s="69"/>
      <c r="M435" s="12"/>
      <c r="N435" s="28"/>
      <c r="P435" s="29"/>
    </row>
    <row r="436" spans="1:16" ht="16.5" customHeight="1" x14ac:dyDescent="0.25">
      <c r="A436" s="48"/>
      <c r="B436" s="39" t="s">
        <v>148</v>
      </c>
      <c r="C436" s="39"/>
      <c r="D436" s="39"/>
      <c r="E436" s="39"/>
      <c r="F436" s="39"/>
      <c r="G436" s="39"/>
      <c r="H436" s="39"/>
      <c r="I436" s="39"/>
      <c r="J436" s="29"/>
      <c r="K436" s="86" t="s">
        <v>101</v>
      </c>
      <c r="L436" s="87" t="s">
        <v>101</v>
      </c>
      <c r="M436" s="12" t="s">
        <v>581</v>
      </c>
      <c r="N436" s="28"/>
      <c r="P436" s="29"/>
    </row>
    <row r="437" spans="1:16" ht="16.5" customHeight="1" x14ac:dyDescent="0.25">
      <c r="A437" s="48"/>
      <c r="B437" s="39" t="s">
        <v>147</v>
      </c>
      <c r="C437" s="39"/>
      <c r="D437" s="39"/>
      <c r="E437" s="39"/>
      <c r="F437" s="39"/>
      <c r="G437" s="39"/>
      <c r="H437" s="39"/>
      <c r="I437" s="39"/>
      <c r="J437" s="29"/>
      <c r="L437" s="69"/>
      <c r="M437" s="12" t="s">
        <v>25</v>
      </c>
      <c r="N437" s="28"/>
      <c r="P437" s="29"/>
    </row>
    <row r="438" spans="1:16" ht="16.5" customHeight="1" x14ac:dyDescent="0.25">
      <c r="A438" s="48"/>
      <c r="B438" s="39" t="s">
        <v>497</v>
      </c>
      <c r="C438" s="39"/>
      <c r="D438" s="39"/>
      <c r="E438" s="39"/>
      <c r="F438" s="39"/>
      <c r="G438" s="39"/>
      <c r="H438" s="39"/>
      <c r="I438" s="39"/>
      <c r="J438" s="29"/>
      <c r="K438" s="86" t="s">
        <v>101</v>
      </c>
      <c r="L438" s="87" t="s">
        <v>101</v>
      </c>
      <c r="M438" s="12" t="s">
        <v>593</v>
      </c>
      <c r="N438" s="28"/>
      <c r="P438" s="29"/>
    </row>
    <row r="439" spans="1:16" ht="16.5" customHeight="1" x14ac:dyDescent="0.25">
      <c r="A439" s="48"/>
      <c r="B439" s="39" t="s">
        <v>498</v>
      </c>
      <c r="C439" s="39"/>
      <c r="D439" s="39"/>
      <c r="E439" s="39"/>
      <c r="F439" s="39"/>
      <c r="G439" s="39"/>
      <c r="H439" s="39"/>
      <c r="I439" s="39"/>
      <c r="J439" s="29"/>
      <c r="K439" s="86" t="s">
        <v>101</v>
      </c>
      <c r="L439" s="87" t="s">
        <v>101</v>
      </c>
      <c r="M439" s="12" t="s">
        <v>592</v>
      </c>
      <c r="N439" s="28"/>
      <c r="P439" s="29"/>
    </row>
    <row r="440" spans="1:16" ht="16.5" customHeight="1" x14ac:dyDescent="0.25">
      <c r="A440" s="48"/>
      <c r="C440" s="39"/>
      <c r="D440" s="39"/>
      <c r="E440" s="39"/>
      <c r="F440" s="39"/>
      <c r="G440" s="39"/>
      <c r="H440" s="39"/>
      <c r="I440" s="39"/>
      <c r="J440" s="29"/>
      <c r="K440" s="86"/>
      <c r="L440" s="87"/>
      <c r="M440" s="12" t="s">
        <v>595</v>
      </c>
      <c r="N440" s="28"/>
      <c r="P440" s="29"/>
    </row>
    <row r="441" spans="1:16" ht="16.5" customHeight="1" x14ac:dyDescent="0.25">
      <c r="A441" s="48"/>
      <c r="B441" s="39"/>
      <c r="C441" s="39"/>
      <c r="D441" s="39"/>
      <c r="E441" s="39"/>
      <c r="F441" s="39"/>
      <c r="G441" s="39"/>
      <c r="H441" s="39"/>
      <c r="I441" s="39"/>
      <c r="J441" s="29"/>
      <c r="L441" s="69"/>
      <c r="M441" s="12" t="s">
        <v>594</v>
      </c>
      <c r="N441" s="28"/>
      <c r="P441" s="29"/>
    </row>
    <row r="442" spans="1:16" ht="16.5" customHeight="1" x14ac:dyDescent="0.25">
      <c r="A442" s="48"/>
      <c r="B442" s="39"/>
      <c r="C442" s="39"/>
      <c r="D442" s="39"/>
      <c r="E442" s="39"/>
      <c r="F442" s="39"/>
      <c r="G442" s="39"/>
      <c r="H442" s="39"/>
      <c r="I442" s="39"/>
      <c r="J442" s="29"/>
      <c r="L442" s="69"/>
      <c r="M442" s="12"/>
      <c r="N442" s="28"/>
      <c r="P442" s="29"/>
    </row>
    <row r="443" spans="1:16" ht="16.5" customHeight="1" x14ac:dyDescent="0.25">
      <c r="A443" s="48"/>
      <c r="B443" s="39"/>
      <c r="C443" s="39"/>
      <c r="D443" s="39"/>
      <c r="E443" s="39"/>
      <c r="F443" s="39"/>
      <c r="G443" s="39"/>
      <c r="H443" s="39"/>
      <c r="I443" s="39"/>
      <c r="J443" s="29"/>
      <c r="L443" s="69"/>
      <c r="M443" s="12"/>
      <c r="N443" s="28"/>
      <c r="P443" s="29"/>
    </row>
    <row r="444" spans="1:16" ht="16.5" customHeight="1" x14ac:dyDescent="0.25">
      <c r="A444" s="48"/>
      <c r="B444" s="39"/>
      <c r="C444" s="39"/>
      <c r="D444" s="39"/>
      <c r="E444" s="39"/>
      <c r="F444" s="39"/>
      <c r="G444" s="39"/>
      <c r="H444" s="39"/>
      <c r="I444" s="39"/>
      <c r="J444" s="29"/>
      <c r="L444" s="69"/>
      <c r="M444" s="12"/>
      <c r="N444" s="28"/>
      <c r="P444" s="29"/>
    </row>
    <row r="445" spans="1:16" ht="16.5" customHeight="1" x14ac:dyDescent="0.25">
      <c r="A445" s="48"/>
      <c r="B445" s="39"/>
      <c r="C445" s="39"/>
      <c r="D445" s="39"/>
      <c r="E445" s="39"/>
      <c r="F445" s="39"/>
      <c r="G445" s="39"/>
      <c r="H445" s="39"/>
      <c r="I445" s="39"/>
      <c r="J445" s="29"/>
      <c r="L445" s="69"/>
      <c r="M445" s="12"/>
      <c r="N445" s="28"/>
      <c r="P445" s="29"/>
    </row>
    <row r="446" spans="1:16" ht="16.5" customHeight="1" x14ac:dyDescent="0.25">
      <c r="A446" s="48"/>
      <c r="B446" s="39"/>
      <c r="C446" s="39"/>
      <c r="D446" s="39"/>
      <c r="E446" s="39"/>
      <c r="F446" s="39"/>
      <c r="G446" s="39"/>
      <c r="H446" s="39"/>
      <c r="I446" s="39"/>
      <c r="J446" s="29"/>
      <c r="L446" s="69"/>
      <c r="M446" s="12"/>
      <c r="N446" s="28"/>
      <c r="P446" s="29"/>
    </row>
    <row r="447" spans="1:16" ht="16.5" customHeight="1" x14ac:dyDescent="0.25">
      <c r="A447" s="48"/>
      <c r="B447" s="39"/>
      <c r="C447" s="39"/>
      <c r="D447" s="39"/>
      <c r="E447" s="39"/>
      <c r="F447" s="39"/>
      <c r="G447" s="39"/>
      <c r="H447" s="39"/>
      <c r="I447" s="39"/>
      <c r="J447" s="29"/>
      <c r="L447" s="69"/>
      <c r="M447" s="12"/>
      <c r="N447" s="28"/>
      <c r="P447" s="29"/>
    </row>
    <row r="448" spans="1:16" ht="16.5" customHeight="1" x14ac:dyDescent="0.25">
      <c r="A448" s="48"/>
      <c r="B448" s="39"/>
      <c r="C448" s="39"/>
      <c r="D448" s="39"/>
      <c r="E448" s="39"/>
      <c r="F448" s="39"/>
      <c r="G448" s="39"/>
      <c r="H448" s="39"/>
      <c r="I448" s="39"/>
      <c r="J448" s="29"/>
      <c r="L448" s="69"/>
      <c r="M448" s="12"/>
      <c r="N448" s="28"/>
      <c r="P448" s="29"/>
    </row>
    <row r="449" spans="1:16" ht="16.5" customHeight="1" x14ac:dyDescent="0.25">
      <c r="A449" s="48"/>
      <c r="B449" s="39"/>
      <c r="C449" s="39"/>
      <c r="D449" s="39"/>
      <c r="E449" s="39"/>
      <c r="F449" s="39"/>
      <c r="G449" s="39"/>
      <c r="H449" s="39"/>
      <c r="I449" s="39"/>
      <c r="J449" s="29"/>
      <c r="L449" s="69"/>
      <c r="M449" s="12"/>
      <c r="N449" s="28"/>
      <c r="P449" s="29"/>
    </row>
    <row r="450" spans="1:16" ht="16.5" customHeight="1" x14ac:dyDescent="0.25">
      <c r="A450" s="48"/>
      <c r="B450" s="39"/>
      <c r="C450" s="39"/>
      <c r="D450" s="39"/>
      <c r="E450" s="39"/>
      <c r="F450" s="39"/>
      <c r="G450" s="39"/>
      <c r="H450" s="39"/>
      <c r="I450" s="39"/>
      <c r="J450" s="29"/>
      <c r="L450" s="69"/>
      <c r="M450" s="12"/>
      <c r="N450" s="28"/>
      <c r="P450" s="29"/>
    </row>
    <row r="451" spans="1:16" ht="16.5" customHeight="1" x14ac:dyDescent="0.25">
      <c r="A451" s="48"/>
      <c r="B451" s="39"/>
      <c r="C451" s="39"/>
      <c r="D451" s="39"/>
      <c r="E451" s="39"/>
      <c r="F451" s="39"/>
      <c r="G451" s="39"/>
      <c r="H451" s="39"/>
      <c r="I451" s="39"/>
      <c r="J451" s="29"/>
      <c r="L451" s="69"/>
      <c r="M451" s="12"/>
      <c r="N451" s="28"/>
      <c r="P451" s="29"/>
    </row>
    <row r="452" spans="1:16" ht="16.5" customHeight="1" x14ac:dyDescent="0.25">
      <c r="A452" s="48"/>
      <c r="B452" s="39"/>
      <c r="C452" s="39"/>
      <c r="D452" s="39"/>
      <c r="E452" s="39"/>
      <c r="F452" s="39"/>
      <c r="G452" s="39"/>
      <c r="H452" s="39"/>
      <c r="I452" s="39"/>
      <c r="J452" s="29"/>
      <c r="L452" s="69"/>
      <c r="M452" s="12"/>
      <c r="N452" s="28"/>
      <c r="P452" s="29"/>
    </row>
    <row r="453" spans="1:16" ht="16.5" customHeight="1" x14ac:dyDescent="0.25">
      <c r="A453" s="48"/>
      <c r="B453" s="39"/>
      <c r="C453" s="39"/>
      <c r="D453" s="39"/>
      <c r="E453" s="39"/>
      <c r="F453" s="39"/>
      <c r="G453" s="39"/>
      <c r="H453" s="39"/>
      <c r="I453" s="39"/>
      <c r="J453" s="29"/>
      <c r="L453" s="69"/>
      <c r="M453" s="12"/>
      <c r="N453" s="28"/>
      <c r="P453" s="29"/>
    </row>
    <row r="454" spans="1:16" ht="16.5" customHeight="1" x14ac:dyDescent="0.25">
      <c r="A454" s="48"/>
      <c r="B454" s="39"/>
      <c r="C454" s="39"/>
      <c r="D454" s="39"/>
      <c r="E454" s="39"/>
      <c r="F454" s="39"/>
      <c r="G454" s="39"/>
      <c r="H454" s="39"/>
      <c r="I454" s="39"/>
      <c r="J454" s="29"/>
      <c r="L454" s="69"/>
      <c r="M454" s="12"/>
      <c r="N454" s="28"/>
      <c r="P454" s="29"/>
    </row>
    <row r="455" spans="1:16" ht="16.5" customHeight="1" x14ac:dyDescent="0.25">
      <c r="A455" s="48"/>
      <c r="B455" s="39"/>
      <c r="C455" s="39"/>
      <c r="D455" s="39"/>
      <c r="E455" s="39"/>
      <c r="F455" s="39"/>
      <c r="G455" s="39"/>
      <c r="H455" s="39"/>
      <c r="I455" s="39"/>
      <c r="J455" s="29"/>
      <c r="L455" s="69"/>
      <c r="M455" s="12"/>
      <c r="N455" s="28"/>
      <c r="P455" s="29"/>
    </row>
    <row r="456" spans="1:16" ht="16.5" customHeight="1" x14ac:dyDescent="0.25">
      <c r="A456" s="48"/>
      <c r="B456" s="39"/>
      <c r="C456" s="39"/>
      <c r="D456" s="39"/>
      <c r="E456" s="39"/>
      <c r="F456" s="39"/>
      <c r="G456" s="39"/>
      <c r="H456" s="39"/>
      <c r="I456" s="39"/>
      <c r="J456" s="29"/>
      <c r="L456" s="69"/>
      <c r="M456" s="12"/>
      <c r="N456" s="28"/>
      <c r="P456" s="29"/>
    </row>
    <row r="457" spans="1:16" ht="16.5" customHeight="1" x14ac:dyDescent="0.25">
      <c r="A457" s="48"/>
      <c r="B457" s="39"/>
      <c r="C457" s="39"/>
      <c r="D457" s="39"/>
      <c r="E457" s="39"/>
      <c r="F457" s="39"/>
      <c r="G457" s="39"/>
      <c r="H457" s="39"/>
      <c r="I457" s="39"/>
      <c r="J457" s="29"/>
      <c r="L457" s="69"/>
      <c r="M457" s="12"/>
      <c r="N457" s="28"/>
      <c r="P457" s="29"/>
    </row>
    <row r="458" spans="1:16" ht="16.5" customHeight="1" x14ac:dyDescent="0.25">
      <c r="A458" s="48"/>
      <c r="B458" s="39"/>
      <c r="C458" s="39"/>
      <c r="D458" s="39"/>
      <c r="E458" s="39"/>
      <c r="F458" s="39"/>
      <c r="G458" s="39"/>
      <c r="H458" s="39"/>
      <c r="I458" s="39"/>
      <c r="J458" s="29"/>
      <c r="L458" s="69"/>
      <c r="M458" s="12"/>
      <c r="N458" s="28"/>
      <c r="P458" s="29"/>
    </row>
    <row r="459" spans="1:16" ht="16.5" customHeight="1" x14ac:dyDescent="0.25">
      <c r="A459" s="48"/>
      <c r="B459" s="39"/>
      <c r="C459" s="39"/>
      <c r="D459" s="39"/>
      <c r="E459" s="39"/>
      <c r="F459" s="39"/>
      <c r="G459" s="39"/>
      <c r="H459" s="39"/>
      <c r="I459" s="39"/>
      <c r="J459" s="29"/>
      <c r="L459" s="69"/>
      <c r="M459" s="12"/>
      <c r="N459" s="28"/>
      <c r="P459" s="29"/>
    </row>
    <row r="460" spans="1:16" ht="16.5" customHeight="1" x14ac:dyDescent="0.25">
      <c r="A460" s="58"/>
      <c r="B460" s="59"/>
      <c r="C460" s="59"/>
      <c r="D460" s="59"/>
      <c r="E460" s="59"/>
      <c r="F460" s="59"/>
      <c r="G460" s="59"/>
      <c r="H460" s="59"/>
      <c r="I460" s="59"/>
      <c r="J460" s="32"/>
      <c r="K460" s="74"/>
      <c r="L460" s="75"/>
      <c r="M460" s="13"/>
      <c r="N460" s="30"/>
      <c r="O460" s="31"/>
      <c r="P460" s="32"/>
    </row>
    <row r="461" spans="1:16" ht="16.5" customHeight="1" x14ac:dyDescent="0.25">
      <c r="A461" s="48" t="s">
        <v>53</v>
      </c>
      <c r="B461" s="39"/>
      <c r="C461" s="39"/>
      <c r="D461" s="39"/>
      <c r="E461" s="39"/>
      <c r="F461" s="39"/>
      <c r="G461" s="39"/>
      <c r="H461" s="39"/>
      <c r="I461" s="39"/>
      <c r="J461" s="29"/>
      <c r="L461" s="69"/>
      <c r="M461" s="12"/>
      <c r="N461" s="28"/>
      <c r="P461" s="29"/>
    </row>
    <row r="462" spans="1:16" ht="16.5" customHeight="1" x14ac:dyDescent="0.25">
      <c r="A462" s="48"/>
      <c r="B462" s="39" t="s">
        <v>616</v>
      </c>
      <c r="C462" s="39"/>
      <c r="D462" s="39"/>
      <c r="E462" s="39"/>
      <c r="F462" s="39"/>
      <c r="G462" s="39"/>
      <c r="H462" s="39"/>
      <c r="I462" s="39"/>
      <c r="J462" s="29"/>
      <c r="K462" s="86" t="s">
        <v>101</v>
      </c>
      <c r="L462" s="87" t="s">
        <v>101</v>
      </c>
      <c r="M462" s="12" t="s">
        <v>365</v>
      </c>
      <c r="N462" s="28"/>
      <c r="P462" s="29"/>
    </row>
    <row r="463" spans="1:16" ht="16.5" customHeight="1" x14ac:dyDescent="0.25">
      <c r="A463" s="48"/>
      <c r="B463" s="39" t="s">
        <v>618</v>
      </c>
      <c r="C463" s="39"/>
      <c r="D463" s="39"/>
      <c r="E463" s="39"/>
      <c r="F463" s="39"/>
      <c r="G463" s="39"/>
      <c r="H463" s="39"/>
      <c r="I463" s="39"/>
      <c r="J463" s="29"/>
      <c r="L463" s="69"/>
      <c r="M463" s="12" t="s">
        <v>500</v>
      </c>
      <c r="N463" s="28"/>
      <c r="P463" s="29"/>
    </row>
    <row r="464" spans="1:16" ht="16.5" customHeight="1" x14ac:dyDescent="0.25">
      <c r="A464" s="48"/>
      <c r="B464" s="39" t="s">
        <v>617</v>
      </c>
      <c r="C464" s="39"/>
      <c r="D464" s="39"/>
      <c r="E464" s="39"/>
      <c r="F464" s="39"/>
      <c r="G464" s="39"/>
      <c r="H464" s="39"/>
      <c r="I464" s="39"/>
      <c r="J464" s="29"/>
      <c r="K464" s="86"/>
      <c r="L464" s="87"/>
      <c r="M464" s="12" t="s">
        <v>499</v>
      </c>
      <c r="N464" s="28"/>
      <c r="P464" s="29"/>
    </row>
    <row r="465" spans="1:16" ht="16.5" customHeight="1" x14ac:dyDescent="0.25">
      <c r="A465" s="48"/>
      <c r="B465" s="39"/>
      <c r="C465" s="39"/>
      <c r="D465" s="39"/>
      <c r="E465" s="39"/>
      <c r="F465" s="39"/>
      <c r="G465" s="39"/>
      <c r="H465" s="39"/>
      <c r="I465" s="39"/>
      <c r="J465" s="29"/>
      <c r="L465" s="69"/>
      <c r="M465" s="12" t="s">
        <v>26</v>
      </c>
      <c r="N465" s="28"/>
      <c r="P465" s="29"/>
    </row>
    <row r="466" spans="1:16" ht="16.5" customHeight="1" x14ac:dyDescent="0.25">
      <c r="A466" s="48"/>
      <c r="B466" s="39"/>
      <c r="C466" s="39"/>
      <c r="D466" s="39"/>
      <c r="E466" s="39"/>
      <c r="F466" s="39"/>
      <c r="G466" s="39"/>
      <c r="H466" s="39"/>
      <c r="I466" s="39"/>
      <c r="J466" s="29"/>
      <c r="L466" s="69"/>
      <c r="M466" s="12"/>
      <c r="N466" s="28"/>
      <c r="P466" s="29"/>
    </row>
    <row r="467" spans="1:16" ht="16.5" customHeight="1" x14ac:dyDescent="0.25">
      <c r="A467" s="48"/>
      <c r="B467" s="39"/>
      <c r="C467" s="39"/>
      <c r="D467" s="39"/>
      <c r="E467" s="39"/>
      <c r="F467" s="39"/>
      <c r="G467" s="39"/>
      <c r="H467" s="39"/>
      <c r="I467" s="39"/>
      <c r="J467" s="29"/>
      <c r="L467" s="69"/>
      <c r="M467" s="12"/>
      <c r="N467" s="28"/>
      <c r="P467" s="29"/>
    </row>
    <row r="468" spans="1:16" ht="16.5" customHeight="1" x14ac:dyDescent="0.25">
      <c r="A468" s="48"/>
      <c r="B468" s="39"/>
      <c r="C468" s="39"/>
      <c r="D468" s="39"/>
      <c r="E468" s="39"/>
      <c r="F468" s="39"/>
      <c r="G468" s="39"/>
      <c r="H468" s="39"/>
      <c r="I468" s="39"/>
      <c r="J468" s="29"/>
      <c r="L468" s="69"/>
      <c r="M468" s="12"/>
      <c r="N468" s="28"/>
      <c r="P468" s="29"/>
    </row>
    <row r="469" spans="1:16" ht="16.5" customHeight="1" x14ac:dyDescent="0.25">
      <c r="A469" s="48"/>
      <c r="B469" s="39"/>
      <c r="C469" s="39"/>
      <c r="D469" s="39"/>
      <c r="E469" s="39"/>
      <c r="F469" s="39"/>
      <c r="G469" s="39"/>
      <c r="H469" s="39"/>
      <c r="I469" s="39"/>
      <c r="J469" s="29"/>
      <c r="L469" s="69"/>
      <c r="M469" s="12"/>
      <c r="N469" s="28"/>
      <c r="P469" s="29"/>
    </row>
    <row r="470" spans="1:16" ht="16.5" customHeight="1" x14ac:dyDescent="0.25">
      <c r="A470" s="48"/>
      <c r="B470" s="39"/>
      <c r="C470" s="39"/>
      <c r="D470" s="39"/>
      <c r="E470" s="39"/>
      <c r="F470" s="39"/>
      <c r="G470" s="39"/>
      <c r="H470" s="39"/>
      <c r="I470" s="39"/>
      <c r="J470" s="29"/>
      <c r="L470" s="69"/>
      <c r="M470" s="12"/>
      <c r="N470" s="28"/>
      <c r="P470" s="29"/>
    </row>
    <row r="471" spans="1:16" ht="16.5" customHeight="1" x14ac:dyDescent="0.25">
      <c r="A471" s="48"/>
      <c r="B471" s="39"/>
      <c r="C471" s="39"/>
      <c r="D471" s="39"/>
      <c r="E471" s="39"/>
      <c r="F471" s="39"/>
      <c r="G471" s="39"/>
      <c r="H471" s="39"/>
      <c r="I471" s="39"/>
      <c r="J471" s="29"/>
      <c r="L471" s="69"/>
      <c r="M471" s="12"/>
      <c r="N471" s="28"/>
      <c r="P471" s="29"/>
    </row>
    <row r="472" spans="1:16" ht="16.5" customHeight="1" x14ac:dyDescent="0.25">
      <c r="A472" s="48"/>
      <c r="B472" s="39"/>
      <c r="C472" s="39"/>
      <c r="D472" s="39"/>
      <c r="E472" s="39"/>
      <c r="F472" s="39"/>
      <c r="G472" s="39"/>
      <c r="H472" s="39"/>
      <c r="I472" s="39"/>
      <c r="J472" s="29"/>
      <c r="L472" s="69"/>
      <c r="M472" s="12"/>
      <c r="N472" s="28"/>
      <c r="P472" s="29"/>
    </row>
    <row r="473" spans="1:16" ht="16.5" customHeight="1" x14ac:dyDescent="0.25">
      <c r="A473" s="48"/>
      <c r="B473" s="39"/>
      <c r="C473" s="39"/>
      <c r="D473" s="39"/>
      <c r="E473" s="39"/>
      <c r="F473" s="39"/>
      <c r="G473" s="39"/>
      <c r="H473" s="39"/>
      <c r="I473" s="39"/>
      <c r="J473" s="29"/>
      <c r="L473" s="69"/>
      <c r="M473" s="12"/>
      <c r="N473" s="28"/>
      <c r="P473" s="29"/>
    </row>
    <row r="474" spans="1:16" ht="16.5" customHeight="1" x14ac:dyDescent="0.25">
      <c r="A474" s="48"/>
      <c r="B474" s="39"/>
      <c r="C474" s="39"/>
      <c r="D474" s="39"/>
      <c r="E474" s="39"/>
      <c r="F474" s="39"/>
      <c r="G474" s="39"/>
      <c r="H474" s="39"/>
      <c r="I474" s="39"/>
      <c r="J474" s="29"/>
      <c r="L474" s="69"/>
      <c r="M474" s="12"/>
      <c r="N474" s="28"/>
      <c r="P474" s="29"/>
    </row>
    <row r="475" spans="1:16" ht="16.5" customHeight="1" x14ac:dyDescent="0.25">
      <c r="A475" s="48"/>
      <c r="B475" s="39"/>
      <c r="C475" s="39"/>
      <c r="D475" s="39"/>
      <c r="E475" s="39"/>
      <c r="F475" s="39"/>
      <c r="G475" s="39"/>
      <c r="H475" s="39"/>
      <c r="I475" s="39"/>
      <c r="J475" s="29"/>
      <c r="L475" s="69"/>
      <c r="M475" s="12"/>
      <c r="N475" s="28"/>
      <c r="P475" s="29"/>
    </row>
    <row r="476" spans="1:16" ht="16.5" customHeight="1" x14ac:dyDescent="0.25">
      <c r="A476" s="48"/>
      <c r="B476" s="39"/>
      <c r="C476" s="39"/>
      <c r="D476" s="39"/>
      <c r="E476" s="39"/>
      <c r="F476" s="39"/>
      <c r="G476" s="39"/>
      <c r="H476" s="39"/>
      <c r="I476" s="39"/>
      <c r="J476" s="29"/>
      <c r="L476" s="69"/>
      <c r="M476" s="12"/>
      <c r="N476" s="28"/>
      <c r="P476" s="29"/>
    </row>
    <row r="477" spans="1:16" ht="16.5" customHeight="1" x14ac:dyDescent="0.25">
      <c r="A477" s="48"/>
      <c r="B477" s="39"/>
      <c r="C477" s="39"/>
      <c r="D477" s="39"/>
      <c r="E477" s="39"/>
      <c r="F477" s="39"/>
      <c r="G477" s="39"/>
      <c r="H477" s="39"/>
      <c r="I477" s="39"/>
      <c r="J477" s="29"/>
      <c r="L477" s="69"/>
      <c r="M477" s="12"/>
      <c r="N477" s="28"/>
      <c r="P477" s="29"/>
    </row>
    <row r="478" spans="1:16" ht="16.5" customHeight="1" x14ac:dyDescent="0.25">
      <c r="A478" s="48"/>
      <c r="B478" s="39"/>
      <c r="C478" s="39"/>
      <c r="D478" s="39"/>
      <c r="E478" s="39"/>
      <c r="F478" s="39"/>
      <c r="G478" s="39"/>
      <c r="H478" s="39"/>
      <c r="I478" s="39"/>
      <c r="J478" s="29"/>
      <c r="L478" s="69"/>
      <c r="M478" s="12"/>
      <c r="N478" s="28"/>
      <c r="P478" s="29"/>
    </row>
    <row r="479" spans="1:16" ht="16.5" customHeight="1" x14ac:dyDescent="0.25">
      <c r="A479" s="48"/>
      <c r="B479" s="39"/>
      <c r="C479" s="39"/>
      <c r="D479" s="39"/>
      <c r="E479" s="39"/>
      <c r="F479" s="39"/>
      <c r="G479" s="39"/>
      <c r="H479" s="39"/>
      <c r="I479" s="39"/>
      <c r="J479" s="29"/>
      <c r="L479" s="69"/>
      <c r="M479" s="12"/>
      <c r="N479" s="28"/>
      <c r="P479" s="29"/>
    </row>
    <row r="480" spans="1:16" ht="16.5" customHeight="1" x14ac:dyDescent="0.25">
      <c r="A480" s="48"/>
      <c r="B480" s="39"/>
      <c r="C480" s="39"/>
      <c r="D480" s="39"/>
      <c r="E480" s="39"/>
      <c r="F480" s="39"/>
      <c r="G480" s="39"/>
      <c r="H480" s="39"/>
      <c r="I480" s="39"/>
      <c r="J480" s="29"/>
      <c r="L480" s="69"/>
      <c r="M480" s="12"/>
      <c r="N480" s="28"/>
      <c r="P480" s="29"/>
    </row>
    <row r="481" spans="1:16" ht="16.5" customHeight="1" x14ac:dyDescent="0.25">
      <c r="A481" s="48"/>
      <c r="B481" s="39"/>
      <c r="C481" s="39"/>
      <c r="D481" s="39"/>
      <c r="E481" s="39"/>
      <c r="F481" s="39"/>
      <c r="G481" s="39"/>
      <c r="H481" s="39"/>
      <c r="I481" s="39"/>
      <c r="J481" s="29"/>
      <c r="L481" s="69"/>
      <c r="M481" s="12"/>
      <c r="N481" s="28"/>
      <c r="P481" s="29"/>
    </row>
    <row r="482" spans="1:16" ht="16.5" customHeight="1" x14ac:dyDescent="0.25">
      <c r="A482" s="48"/>
      <c r="B482" s="39"/>
      <c r="C482" s="39"/>
      <c r="D482" s="39"/>
      <c r="E482" s="39"/>
      <c r="F482" s="39"/>
      <c r="G482" s="39"/>
      <c r="H482" s="39"/>
      <c r="I482" s="39"/>
      <c r="J482" s="29"/>
      <c r="L482" s="69"/>
      <c r="M482" s="12"/>
      <c r="N482" s="28"/>
      <c r="P482" s="29"/>
    </row>
    <row r="483" spans="1:16" ht="16.5" customHeight="1" x14ac:dyDescent="0.25">
      <c r="A483" s="48"/>
      <c r="B483" s="39"/>
      <c r="C483" s="39"/>
      <c r="D483" s="39"/>
      <c r="E483" s="39"/>
      <c r="F483" s="39"/>
      <c r="G483" s="39"/>
      <c r="H483" s="39"/>
      <c r="I483" s="39"/>
      <c r="J483" s="29"/>
      <c r="L483" s="69"/>
      <c r="M483" s="12"/>
      <c r="N483" s="28"/>
      <c r="P483" s="29"/>
    </row>
    <row r="484" spans="1:16" ht="16.5" customHeight="1" x14ac:dyDescent="0.25">
      <c r="A484" s="48"/>
      <c r="B484" s="39"/>
      <c r="C484" s="39"/>
      <c r="D484" s="39"/>
      <c r="E484" s="39"/>
      <c r="F484" s="39"/>
      <c r="G484" s="39"/>
      <c r="H484" s="39"/>
      <c r="I484" s="39"/>
      <c r="J484" s="29"/>
      <c r="L484" s="69"/>
      <c r="M484" s="12"/>
      <c r="N484" s="28"/>
      <c r="P484" s="29"/>
    </row>
    <row r="485" spans="1:16" ht="16.5" customHeight="1" x14ac:dyDescent="0.25">
      <c r="A485" s="48"/>
      <c r="B485" s="39"/>
      <c r="C485" s="39"/>
      <c r="D485" s="39"/>
      <c r="E485" s="39"/>
      <c r="F485" s="39"/>
      <c r="G485" s="39"/>
      <c r="H485" s="39"/>
      <c r="I485" s="39"/>
      <c r="J485" s="29"/>
      <c r="L485" s="69"/>
      <c r="M485" s="12"/>
      <c r="N485" s="28"/>
      <c r="P485" s="29"/>
    </row>
    <row r="486" spans="1:16" ht="16.5" customHeight="1" x14ac:dyDescent="0.25">
      <c r="A486" s="48"/>
      <c r="B486" s="39"/>
      <c r="C486" s="39"/>
      <c r="D486" s="39"/>
      <c r="E486" s="39"/>
      <c r="F486" s="39"/>
      <c r="G486" s="39"/>
      <c r="H486" s="39"/>
      <c r="I486" s="39"/>
      <c r="J486" s="29"/>
      <c r="L486" s="69"/>
      <c r="M486" s="12"/>
      <c r="N486" s="28"/>
      <c r="P486" s="29"/>
    </row>
    <row r="487" spans="1:16" ht="16.5" customHeight="1" x14ac:dyDescent="0.25">
      <c r="A487" s="48"/>
      <c r="B487" s="39"/>
      <c r="C487" s="39"/>
      <c r="D487" s="39"/>
      <c r="E487" s="39"/>
      <c r="F487" s="39"/>
      <c r="G487" s="39"/>
      <c r="H487" s="39"/>
      <c r="I487" s="39"/>
      <c r="J487" s="29"/>
      <c r="L487" s="69"/>
      <c r="M487" s="12"/>
      <c r="N487" s="28"/>
      <c r="P487" s="29"/>
    </row>
    <row r="488" spans="1:16" ht="16.5" customHeight="1" x14ac:dyDescent="0.25">
      <c r="A488" s="48"/>
      <c r="B488" s="39"/>
      <c r="C488" s="39"/>
      <c r="D488" s="39"/>
      <c r="E488" s="39"/>
      <c r="F488" s="39"/>
      <c r="G488" s="39"/>
      <c r="H488" s="39"/>
      <c r="I488" s="39"/>
      <c r="J488" s="29"/>
      <c r="L488" s="69"/>
      <c r="M488" s="12"/>
      <c r="N488" s="28"/>
      <c r="P488" s="29"/>
    </row>
    <row r="489" spans="1:16" ht="16.5" customHeight="1" x14ac:dyDescent="0.25">
      <c r="A489" s="48"/>
      <c r="B489" s="39"/>
      <c r="C489" s="39"/>
      <c r="D489" s="39"/>
      <c r="E489" s="39"/>
      <c r="F489" s="39"/>
      <c r="G489" s="39"/>
      <c r="H489" s="39"/>
      <c r="I489" s="39"/>
      <c r="J489" s="29"/>
      <c r="L489" s="69"/>
      <c r="M489" s="12"/>
      <c r="N489" s="28"/>
      <c r="P489" s="29"/>
    </row>
    <row r="490" spans="1:16" ht="16.5" customHeight="1" x14ac:dyDescent="0.25">
      <c r="A490" s="48"/>
      <c r="B490" s="39"/>
      <c r="C490" s="39"/>
      <c r="D490" s="39"/>
      <c r="E490" s="39"/>
      <c r="F490" s="39"/>
      <c r="G490" s="39"/>
      <c r="H490" s="39"/>
      <c r="I490" s="39"/>
      <c r="J490" s="29"/>
      <c r="L490" s="69"/>
      <c r="M490" s="12"/>
      <c r="N490" s="28"/>
      <c r="P490" s="29"/>
    </row>
    <row r="491" spans="1:16" ht="16.5" customHeight="1" x14ac:dyDescent="0.25">
      <c r="A491" s="48"/>
      <c r="B491" s="39"/>
      <c r="C491" s="39"/>
      <c r="D491" s="39"/>
      <c r="E491" s="39"/>
      <c r="F491" s="39"/>
      <c r="G491" s="39"/>
      <c r="H491" s="39"/>
      <c r="I491" s="39"/>
      <c r="J491" s="29"/>
      <c r="L491" s="69"/>
      <c r="M491" s="12"/>
      <c r="N491" s="28"/>
      <c r="P491" s="29"/>
    </row>
    <row r="492" spans="1:16" ht="16.5" customHeight="1" x14ac:dyDescent="0.25">
      <c r="A492" s="48"/>
      <c r="B492" s="39"/>
      <c r="C492" s="39"/>
      <c r="D492" s="39"/>
      <c r="E492" s="39"/>
      <c r="F492" s="39"/>
      <c r="G492" s="39"/>
      <c r="H492" s="39"/>
      <c r="I492" s="39"/>
      <c r="J492" s="29"/>
      <c r="L492" s="69"/>
      <c r="M492" s="12"/>
      <c r="N492" s="28"/>
      <c r="P492" s="29"/>
    </row>
    <row r="493" spans="1:16" ht="16.5" customHeight="1" x14ac:dyDescent="0.25">
      <c r="A493" s="48"/>
      <c r="B493" s="39"/>
      <c r="C493" s="39"/>
      <c r="D493" s="39"/>
      <c r="E493" s="39"/>
      <c r="F493" s="39"/>
      <c r="G493" s="39"/>
      <c r="H493" s="39"/>
      <c r="I493" s="39"/>
      <c r="J493" s="29"/>
      <c r="L493" s="69"/>
      <c r="M493" s="12"/>
      <c r="N493" s="28"/>
      <c r="P493" s="29"/>
    </row>
    <row r="494" spans="1:16" ht="16.5" customHeight="1" x14ac:dyDescent="0.25">
      <c r="A494" s="48"/>
      <c r="B494" s="39"/>
      <c r="C494" s="39"/>
      <c r="D494" s="39"/>
      <c r="E494" s="39"/>
      <c r="F494" s="39"/>
      <c r="G494" s="39"/>
      <c r="H494" s="39"/>
      <c r="I494" s="39"/>
      <c r="J494" s="29"/>
      <c r="L494" s="69"/>
      <c r="M494" s="12"/>
      <c r="N494" s="28"/>
      <c r="P494" s="29"/>
    </row>
    <row r="495" spans="1:16" ht="16.5" customHeight="1" x14ac:dyDescent="0.25">
      <c r="A495" s="48"/>
      <c r="B495" s="39"/>
      <c r="C495" s="39"/>
      <c r="D495" s="39"/>
      <c r="E495" s="39"/>
      <c r="F495" s="39"/>
      <c r="G495" s="39"/>
      <c r="H495" s="39"/>
      <c r="I495" s="39"/>
      <c r="J495" s="29"/>
      <c r="L495" s="69"/>
      <c r="M495" s="12"/>
      <c r="N495" s="28"/>
      <c r="P495" s="29"/>
    </row>
    <row r="496" spans="1:16" ht="16.5" customHeight="1" x14ac:dyDescent="0.25">
      <c r="A496" s="48"/>
      <c r="B496" s="39"/>
      <c r="C496" s="39"/>
      <c r="D496" s="39"/>
      <c r="E496" s="39"/>
      <c r="F496" s="39"/>
      <c r="G496" s="39"/>
      <c r="H496" s="39"/>
      <c r="I496" s="39"/>
      <c r="J496" s="29"/>
      <c r="L496" s="69"/>
      <c r="M496" s="12"/>
      <c r="N496" s="28"/>
      <c r="P496" s="29"/>
    </row>
    <row r="497" spans="1:16" ht="16.5" customHeight="1" x14ac:dyDescent="0.25">
      <c r="A497" s="48"/>
      <c r="B497" s="39"/>
      <c r="C497" s="39"/>
      <c r="D497" s="39"/>
      <c r="E497" s="39"/>
      <c r="F497" s="39"/>
      <c r="G497" s="39"/>
      <c r="H497" s="39"/>
      <c r="I497" s="39"/>
      <c r="J497" s="29"/>
      <c r="L497" s="69"/>
      <c r="M497" s="12"/>
      <c r="N497" s="28"/>
      <c r="P497" s="29"/>
    </row>
    <row r="498" spans="1:16" ht="16.5" customHeight="1" x14ac:dyDescent="0.25">
      <c r="A498" s="48"/>
      <c r="B498" s="39"/>
      <c r="C498" s="39"/>
      <c r="D498" s="39"/>
      <c r="E498" s="39"/>
      <c r="F498" s="39"/>
      <c r="G498" s="39"/>
      <c r="H498" s="39"/>
      <c r="I498" s="39"/>
      <c r="J498" s="29"/>
      <c r="L498" s="69"/>
      <c r="M498" s="12"/>
      <c r="N498" s="28"/>
      <c r="P498" s="29"/>
    </row>
    <row r="499" spans="1:16" ht="16.5" customHeight="1" x14ac:dyDescent="0.25">
      <c r="A499" s="48"/>
      <c r="B499" s="39"/>
      <c r="C499" s="39"/>
      <c r="D499" s="39"/>
      <c r="E499" s="39"/>
      <c r="F499" s="39"/>
      <c r="G499" s="39"/>
      <c r="H499" s="39"/>
      <c r="I499" s="39"/>
      <c r="J499" s="29"/>
      <c r="L499" s="69"/>
      <c r="M499" s="12"/>
      <c r="N499" s="28"/>
      <c r="P499" s="29"/>
    </row>
    <row r="500" spans="1:16" ht="16.5" customHeight="1" x14ac:dyDescent="0.25">
      <c r="A500" s="48"/>
      <c r="B500" s="39"/>
      <c r="C500" s="39"/>
      <c r="D500" s="39"/>
      <c r="E500" s="39"/>
      <c r="F500" s="39"/>
      <c r="G500" s="39"/>
      <c r="H500" s="39"/>
      <c r="I500" s="39"/>
      <c r="J500" s="29"/>
      <c r="L500" s="69"/>
      <c r="M500" s="12"/>
      <c r="N500" s="28"/>
      <c r="P500" s="29"/>
    </row>
    <row r="501" spans="1:16" ht="16.5" customHeight="1" x14ac:dyDescent="0.25">
      <c r="A501" s="48"/>
      <c r="B501" s="39"/>
      <c r="C501" s="39"/>
      <c r="D501" s="39"/>
      <c r="E501" s="39"/>
      <c r="F501" s="39"/>
      <c r="G501" s="39"/>
      <c r="H501" s="39"/>
      <c r="I501" s="39"/>
      <c r="J501" s="29"/>
      <c r="L501" s="69"/>
      <c r="M501" s="12"/>
      <c r="N501" s="28"/>
      <c r="P501" s="29"/>
    </row>
    <row r="502" spans="1:16" ht="16.5" customHeight="1" x14ac:dyDescent="0.25">
      <c r="A502" s="48"/>
      <c r="B502" s="39"/>
      <c r="C502" s="39"/>
      <c r="D502" s="39"/>
      <c r="E502" s="39"/>
      <c r="F502" s="39"/>
      <c r="G502" s="39"/>
      <c r="H502" s="39"/>
      <c r="I502" s="39"/>
      <c r="J502" s="29"/>
      <c r="L502" s="69"/>
      <c r="M502" s="12"/>
      <c r="N502" s="28"/>
      <c r="P502" s="29"/>
    </row>
    <row r="503" spans="1:16" ht="16.5" customHeight="1" x14ac:dyDescent="0.25">
      <c r="A503" s="48"/>
      <c r="B503" s="39"/>
      <c r="C503" s="39"/>
      <c r="D503" s="39"/>
      <c r="E503" s="39"/>
      <c r="F503" s="39"/>
      <c r="G503" s="39"/>
      <c r="H503" s="39"/>
      <c r="I503" s="39"/>
      <c r="J503" s="29"/>
      <c r="L503" s="69"/>
      <c r="M503" s="12"/>
      <c r="N503" s="28"/>
      <c r="P503" s="29"/>
    </row>
    <row r="504" spans="1:16" ht="16.5" customHeight="1" x14ac:dyDescent="0.25">
      <c r="A504" s="48"/>
      <c r="B504" s="39"/>
      <c r="C504" s="39"/>
      <c r="D504" s="39"/>
      <c r="E504" s="39"/>
      <c r="F504" s="39"/>
      <c r="G504" s="39"/>
      <c r="H504" s="39"/>
      <c r="I504" s="39"/>
      <c r="J504" s="29"/>
      <c r="L504" s="69"/>
      <c r="M504" s="12"/>
      <c r="N504" s="28"/>
      <c r="P504" s="29"/>
    </row>
    <row r="505" spans="1:16" ht="16.5" customHeight="1" x14ac:dyDescent="0.25">
      <c r="A505" s="48"/>
      <c r="B505" s="39"/>
      <c r="C505" s="39"/>
      <c r="D505" s="39"/>
      <c r="E505" s="39"/>
      <c r="F505" s="39"/>
      <c r="G505" s="39"/>
      <c r="H505" s="39"/>
      <c r="I505" s="39"/>
      <c r="J505" s="29"/>
      <c r="L505" s="69"/>
      <c r="M505" s="12"/>
      <c r="N505" s="28"/>
      <c r="P505" s="29"/>
    </row>
    <row r="506" spans="1:16" ht="16.5" customHeight="1" x14ac:dyDescent="0.25">
      <c r="A506" s="48"/>
      <c r="B506" s="39"/>
      <c r="C506" s="39"/>
      <c r="D506" s="39"/>
      <c r="E506" s="39"/>
      <c r="F506" s="39"/>
      <c r="G506" s="39"/>
      <c r="H506" s="39"/>
      <c r="I506" s="39"/>
      <c r="J506" s="29"/>
      <c r="L506" s="69"/>
      <c r="M506" s="12"/>
      <c r="N506" s="28"/>
      <c r="P506" s="29"/>
    </row>
    <row r="507" spans="1:16" ht="16.5" customHeight="1" x14ac:dyDescent="0.25">
      <c r="A507" s="58"/>
      <c r="B507" s="59"/>
      <c r="C507" s="59"/>
      <c r="D507" s="59"/>
      <c r="E507" s="59"/>
      <c r="F507" s="59"/>
      <c r="G507" s="59"/>
      <c r="H507" s="59"/>
      <c r="I507" s="59"/>
      <c r="J507" s="32"/>
      <c r="K507" s="74"/>
      <c r="L507" s="75"/>
      <c r="M507" s="13"/>
      <c r="N507" s="30"/>
      <c r="O507" s="31"/>
      <c r="P507" s="32"/>
    </row>
    <row r="508" spans="1:16" ht="16.5" customHeight="1" x14ac:dyDescent="0.25">
      <c r="A508" s="48" t="s">
        <v>229</v>
      </c>
      <c r="B508" s="39"/>
      <c r="C508" s="39"/>
      <c r="D508" s="39"/>
      <c r="E508" s="39"/>
      <c r="F508" s="39"/>
      <c r="G508" s="39"/>
      <c r="H508" s="39"/>
      <c r="I508" s="39"/>
      <c r="J508" s="29"/>
      <c r="L508" s="69"/>
      <c r="M508" s="12" t="s">
        <v>235</v>
      </c>
      <c r="N508" s="28"/>
      <c r="P508" s="29"/>
    </row>
    <row r="509" spans="1:16" ht="16.5" customHeight="1" x14ac:dyDescent="0.25">
      <c r="A509" s="48"/>
      <c r="B509" s="39" t="s">
        <v>230</v>
      </c>
      <c r="C509" s="39"/>
      <c r="D509" s="39"/>
      <c r="E509" s="39"/>
      <c r="F509" s="39"/>
      <c r="G509" s="39"/>
      <c r="H509" s="39"/>
      <c r="I509" s="39"/>
      <c r="J509" s="29"/>
      <c r="K509" s="86" t="s">
        <v>101</v>
      </c>
      <c r="L509" s="87" t="s">
        <v>101</v>
      </c>
      <c r="M509" s="12" t="s">
        <v>236</v>
      </c>
      <c r="N509" s="28"/>
      <c r="P509" s="29"/>
    </row>
    <row r="510" spans="1:16" ht="16.5" customHeight="1" x14ac:dyDescent="0.25">
      <c r="A510" s="48"/>
      <c r="B510" s="39" t="s">
        <v>231</v>
      </c>
      <c r="C510" s="39"/>
      <c r="D510" s="39"/>
      <c r="E510" s="39"/>
      <c r="F510" s="39"/>
      <c r="G510" s="39"/>
      <c r="H510" s="39"/>
      <c r="I510" s="39"/>
      <c r="J510" s="29"/>
      <c r="L510" s="69"/>
      <c r="M510" s="12"/>
      <c r="N510" s="28"/>
      <c r="P510" s="29"/>
    </row>
    <row r="511" spans="1:16" ht="16.5" customHeight="1" x14ac:dyDescent="0.25">
      <c r="A511" s="48"/>
      <c r="B511" s="39" t="s">
        <v>232</v>
      </c>
      <c r="C511" s="39"/>
      <c r="D511" s="39"/>
      <c r="E511" s="39"/>
      <c r="F511" s="39"/>
      <c r="G511" s="39"/>
      <c r="H511" s="39"/>
      <c r="I511" s="39"/>
      <c r="J511" s="29"/>
      <c r="L511" s="69"/>
      <c r="M511" s="12"/>
      <c r="N511" s="28"/>
      <c r="P511" s="29"/>
    </row>
    <row r="512" spans="1:16" ht="16.5" customHeight="1" x14ac:dyDescent="0.25">
      <c r="A512" s="48"/>
      <c r="B512" s="39" t="s">
        <v>233</v>
      </c>
      <c r="C512" s="39"/>
      <c r="D512" s="39"/>
      <c r="E512" s="39"/>
      <c r="F512" s="39"/>
      <c r="G512" s="39"/>
      <c r="H512" s="39"/>
      <c r="I512" s="39"/>
      <c r="J512" s="29"/>
      <c r="K512" s="86" t="s">
        <v>101</v>
      </c>
      <c r="L512" s="87" t="s">
        <v>101</v>
      </c>
      <c r="M512" s="12"/>
      <c r="N512" s="28"/>
      <c r="P512" s="29"/>
    </row>
    <row r="513" spans="1:16" ht="16.5" customHeight="1" x14ac:dyDescent="0.25">
      <c r="A513" s="48"/>
      <c r="B513" s="39" t="s">
        <v>234</v>
      </c>
      <c r="C513" s="39"/>
      <c r="D513" s="39"/>
      <c r="E513" s="39"/>
      <c r="F513" s="39"/>
      <c r="G513" s="39"/>
      <c r="H513" s="39"/>
      <c r="I513" s="39"/>
      <c r="J513" s="29"/>
      <c r="L513" s="69"/>
      <c r="M513" s="12"/>
      <c r="N513" s="28"/>
      <c r="P513" s="29"/>
    </row>
    <row r="514" spans="1:16" ht="16.5" customHeight="1" x14ac:dyDescent="0.25">
      <c r="A514" s="48"/>
      <c r="B514" s="39"/>
      <c r="C514" s="39"/>
      <c r="D514" s="39"/>
      <c r="E514" s="39"/>
      <c r="F514" s="39"/>
      <c r="G514" s="39"/>
      <c r="H514" s="39"/>
      <c r="I514" s="39"/>
      <c r="J514" s="29"/>
      <c r="L514" s="69"/>
      <c r="M514" s="12"/>
      <c r="N514" s="28"/>
      <c r="P514" s="29"/>
    </row>
    <row r="515" spans="1:16" ht="16.5" customHeight="1" x14ac:dyDescent="0.25">
      <c r="A515" s="48"/>
      <c r="B515" s="39"/>
      <c r="C515" s="39"/>
      <c r="D515" s="39"/>
      <c r="E515" s="39"/>
      <c r="F515" s="39"/>
      <c r="G515" s="39"/>
      <c r="H515" s="39"/>
      <c r="I515" s="39"/>
      <c r="J515" s="29"/>
      <c r="L515" s="69"/>
      <c r="M515" s="12"/>
      <c r="N515" s="28"/>
      <c r="P515" s="29"/>
    </row>
    <row r="516" spans="1:16" ht="16.5" customHeight="1" x14ac:dyDescent="0.25">
      <c r="A516" s="48"/>
      <c r="B516" s="39"/>
      <c r="C516" s="39"/>
      <c r="D516" s="39"/>
      <c r="E516" s="39"/>
      <c r="F516" s="39"/>
      <c r="G516" s="39"/>
      <c r="H516" s="39"/>
      <c r="I516" s="39"/>
      <c r="J516" s="29"/>
      <c r="L516" s="69"/>
      <c r="M516" s="12"/>
      <c r="N516" s="28"/>
      <c r="P516" s="29"/>
    </row>
    <row r="517" spans="1:16" ht="16.5" customHeight="1" x14ac:dyDescent="0.25">
      <c r="A517" s="48"/>
      <c r="B517" s="39"/>
      <c r="C517" s="39"/>
      <c r="D517" s="39"/>
      <c r="E517" s="39"/>
      <c r="F517" s="39"/>
      <c r="G517" s="39"/>
      <c r="H517" s="39"/>
      <c r="I517" s="39"/>
      <c r="J517" s="29"/>
      <c r="L517" s="69"/>
      <c r="M517" s="12"/>
      <c r="N517" s="28"/>
      <c r="P517" s="29"/>
    </row>
    <row r="518" spans="1:16" ht="16.5" customHeight="1" x14ac:dyDescent="0.25">
      <c r="A518" s="48"/>
      <c r="B518" s="39"/>
      <c r="C518" s="39"/>
      <c r="D518" s="39"/>
      <c r="E518" s="39"/>
      <c r="F518" s="39"/>
      <c r="G518" s="39"/>
      <c r="H518" s="39"/>
      <c r="I518" s="39"/>
      <c r="J518" s="29"/>
      <c r="L518" s="69"/>
      <c r="M518" s="12"/>
      <c r="N518" s="28"/>
      <c r="P518" s="29"/>
    </row>
    <row r="519" spans="1:16" ht="16.5" customHeight="1" x14ac:dyDescent="0.25">
      <c r="A519" s="48"/>
      <c r="B519" s="39"/>
      <c r="C519" s="39"/>
      <c r="D519" s="39"/>
      <c r="E519" s="39"/>
      <c r="F519" s="39"/>
      <c r="G519" s="39"/>
      <c r="H519" s="39"/>
      <c r="I519" s="39"/>
      <c r="J519" s="29"/>
      <c r="L519" s="69"/>
      <c r="M519" s="12"/>
      <c r="N519" s="28"/>
      <c r="P519" s="29"/>
    </row>
    <row r="520" spans="1:16" ht="16.5" customHeight="1" x14ac:dyDescent="0.25">
      <c r="A520" s="48"/>
      <c r="B520" s="39"/>
      <c r="C520" s="39"/>
      <c r="D520" s="39"/>
      <c r="E520" s="39"/>
      <c r="F520" s="39"/>
      <c r="G520" s="39"/>
      <c r="H520" s="39"/>
      <c r="I520" s="39"/>
      <c r="J520" s="29"/>
      <c r="L520" s="69"/>
      <c r="M520" s="12"/>
      <c r="N520" s="28"/>
      <c r="P520" s="29"/>
    </row>
    <row r="521" spans="1:16" ht="16.5" customHeight="1" x14ac:dyDescent="0.25">
      <c r="A521" s="48"/>
      <c r="B521" s="39"/>
      <c r="C521" s="39"/>
      <c r="D521" s="39"/>
      <c r="E521" s="39"/>
      <c r="F521" s="39"/>
      <c r="G521" s="39"/>
      <c r="H521" s="39"/>
      <c r="I521" s="39"/>
      <c r="J521" s="29"/>
      <c r="L521" s="69"/>
      <c r="M521" s="12"/>
      <c r="N521" s="28"/>
      <c r="P521" s="29"/>
    </row>
    <row r="522" spans="1:16" ht="16.5" customHeight="1" x14ac:dyDescent="0.25">
      <c r="A522" s="48"/>
      <c r="B522" s="39"/>
      <c r="C522" s="39"/>
      <c r="D522" s="39"/>
      <c r="E522" s="39"/>
      <c r="F522" s="39"/>
      <c r="G522" s="39"/>
      <c r="H522" s="39"/>
      <c r="I522" s="39"/>
      <c r="J522" s="29"/>
      <c r="L522" s="69"/>
      <c r="M522" s="12"/>
      <c r="N522" s="28"/>
      <c r="P522" s="29"/>
    </row>
    <row r="523" spans="1:16" ht="16.5" customHeight="1" x14ac:dyDescent="0.25">
      <c r="A523" s="48"/>
      <c r="B523" s="39"/>
      <c r="C523" s="39"/>
      <c r="D523" s="39"/>
      <c r="E523" s="39"/>
      <c r="F523" s="39"/>
      <c r="G523" s="39"/>
      <c r="H523" s="39"/>
      <c r="I523" s="39"/>
      <c r="J523" s="29"/>
      <c r="L523" s="69"/>
      <c r="M523" s="12"/>
      <c r="N523" s="28"/>
      <c r="P523" s="29"/>
    </row>
    <row r="524" spans="1:16" ht="16.5" customHeight="1" x14ac:dyDescent="0.25">
      <c r="A524" s="48"/>
      <c r="B524" s="39"/>
      <c r="C524" s="39"/>
      <c r="D524" s="39"/>
      <c r="E524" s="39"/>
      <c r="F524" s="39"/>
      <c r="G524" s="39"/>
      <c r="H524" s="39"/>
      <c r="I524" s="39"/>
      <c r="J524" s="29"/>
      <c r="L524" s="69"/>
      <c r="M524" s="12"/>
      <c r="N524" s="28"/>
      <c r="P524" s="29"/>
    </row>
    <row r="525" spans="1:16" ht="16.5" customHeight="1" x14ac:dyDescent="0.25">
      <c r="A525" s="48"/>
      <c r="B525" s="39"/>
      <c r="C525" s="39"/>
      <c r="D525" s="39"/>
      <c r="E525" s="39"/>
      <c r="F525" s="39"/>
      <c r="G525" s="39"/>
      <c r="H525" s="39"/>
      <c r="I525" s="39"/>
      <c r="J525" s="29"/>
      <c r="L525" s="69"/>
      <c r="M525" s="12"/>
      <c r="N525" s="28"/>
      <c r="P525" s="29"/>
    </row>
    <row r="526" spans="1:16" ht="16.5" customHeight="1" x14ac:dyDescent="0.25">
      <c r="A526" s="48"/>
      <c r="B526" s="39"/>
      <c r="C526" s="39"/>
      <c r="D526" s="39"/>
      <c r="E526" s="39"/>
      <c r="F526" s="39"/>
      <c r="G526" s="39"/>
      <c r="H526" s="39"/>
      <c r="I526" s="39"/>
      <c r="J526" s="29"/>
      <c r="L526" s="69"/>
      <c r="M526" s="12"/>
      <c r="N526" s="28"/>
      <c r="P526" s="29"/>
    </row>
    <row r="527" spans="1:16" ht="16.5" customHeight="1" x14ac:dyDescent="0.25">
      <c r="A527" s="48"/>
      <c r="B527" s="39"/>
      <c r="C527" s="39"/>
      <c r="D527" s="39"/>
      <c r="E527" s="39"/>
      <c r="F527" s="39"/>
      <c r="G527" s="39"/>
      <c r="H527" s="39"/>
      <c r="I527" s="39"/>
      <c r="J527" s="29"/>
      <c r="L527" s="69"/>
      <c r="M527" s="12"/>
      <c r="N527" s="28"/>
      <c r="P527" s="29"/>
    </row>
    <row r="528" spans="1:16" ht="16.5" customHeight="1" x14ac:dyDescent="0.25">
      <c r="A528" s="48"/>
      <c r="B528" s="39"/>
      <c r="C528" s="39"/>
      <c r="D528" s="39"/>
      <c r="E528" s="39"/>
      <c r="F528" s="39"/>
      <c r="G528" s="39"/>
      <c r="H528" s="39"/>
      <c r="I528" s="39"/>
      <c r="J528" s="29"/>
      <c r="L528" s="69"/>
      <c r="M528" s="12"/>
      <c r="N528" s="28"/>
      <c r="P528" s="29"/>
    </row>
    <row r="529" spans="1:16" ht="16.5" customHeight="1" x14ac:dyDescent="0.25">
      <c r="A529" s="48"/>
      <c r="B529" s="39"/>
      <c r="C529" s="39"/>
      <c r="D529" s="39"/>
      <c r="E529" s="39"/>
      <c r="F529" s="39"/>
      <c r="G529" s="39"/>
      <c r="H529" s="39"/>
      <c r="I529" s="39"/>
      <c r="J529" s="29"/>
      <c r="L529" s="69"/>
      <c r="M529" s="12"/>
      <c r="N529" s="28"/>
      <c r="P529" s="29"/>
    </row>
    <row r="530" spans="1:16" ht="16.5" customHeight="1" x14ac:dyDescent="0.25">
      <c r="A530" s="48"/>
      <c r="B530" s="39"/>
      <c r="C530" s="39"/>
      <c r="D530" s="39"/>
      <c r="E530" s="39"/>
      <c r="F530" s="39"/>
      <c r="G530" s="39"/>
      <c r="H530" s="39"/>
      <c r="I530" s="39"/>
      <c r="J530" s="29"/>
      <c r="L530" s="69"/>
      <c r="M530" s="12"/>
      <c r="N530" s="28"/>
      <c r="P530" s="29"/>
    </row>
    <row r="531" spans="1:16" ht="16.5" customHeight="1" x14ac:dyDescent="0.25">
      <c r="A531" s="48"/>
      <c r="B531" s="39"/>
      <c r="C531" s="39"/>
      <c r="D531" s="39"/>
      <c r="E531" s="39"/>
      <c r="F531" s="39"/>
      <c r="G531" s="39"/>
      <c r="H531" s="39"/>
      <c r="I531" s="39"/>
      <c r="J531" s="29"/>
      <c r="L531" s="69"/>
      <c r="M531" s="12"/>
      <c r="N531" s="28"/>
      <c r="P531" s="29"/>
    </row>
    <row r="532" spans="1:16" ht="16.5" customHeight="1" x14ac:dyDescent="0.25">
      <c r="A532" s="48"/>
      <c r="B532" s="39"/>
      <c r="C532" s="39"/>
      <c r="D532" s="39"/>
      <c r="E532" s="39"/>
      <c r="F532" s="39"/>
      <c r="G532" s="39"/>
      <c r="H532" s="39"/>
      <c r="I532" s="39"/>
      <c r="J532" s="29"/>
      <c r="L532" s="69"/>
      <c r="M532" s="12"/>
      <c r="N532" s="28"/>
      <c r="P532" s="29"/>
    </row>
    <row r="533" spans="1:16" ht="16.5" customHeight="1" x14ac:dyDescent="0.25">
      <c r="A533" s="48"/>
      <c r="B533" s="39"/>
      <c r="C533" s="39"/>
      <c r="D533" s="39"/>
      <c r="E533" s="39"/>
      <c r="F533" s="39"/>
      <c r="G533" s="39"/>
      <c r="H533" s="39"/>
      <c r="I533" s="39"/>
      <c r="J533" s="29"/>
      <c r="L533" s="69"/>
      <c r="M533" s="12"/>
      <c r="N533" s="28"/>
      <c r="P533" s="29"/>
    </row>
    <row r="534" spans="1:16" ht="16.5" customHeight="1" x14ac:dyDescent="0.25">
      <c r="A534" s="48"/>
      <c r="B534" s="39"/>
      <c r="C534" s="39"/>
      <c r="D534" s="39"/>
      <c r="E534" s="39"/>
      <c r="F534" s="39"/>
      <c r="G534" s="39"/>
      <c r="H534" s="39"/>
      <c r="I534" s="39"/>
      <c r="J534" s="29"/>
      <c r="L534" s="69"/>
      <c r="M534" s="12"/>
      <c r="N534" s="28"/>
      <c r="P534" s="29"/>
    </row>
    <row r="535" spans="1:16" ht="16.5" customHeight="1" x14ac:dyDescent="0.25">
      <c r="A535" s="58"/>
      <c r="B535" s="59"/>
      <c r="C535" s="59"/>
      <c r="D535" s="59"/>
      <c r="E535" s="59"/>
      <c r="F535" s="59"/>
      <c r="G535" s="59"/>
      <c r="H535" s="59"/>
      <c r="I535" s="59"/>
      <c r="J535" s="32"/>
      <c r="K535" s="74"/>
      <c r="L535" s="75"/>
      <c r="M535" s="13"/>
      <c r="N535" s="30"/>
      <c r="O535" s="31"/>
      <c r="P535" s="32"/>
    </row>
    <row r="536" spans="1:16" ht="16.5" customHeight="1" x14ac:dyDescent="0.25">
      <c r="A536" s="48" t="s">
        <v>243</v>
      </c>
      <c r="B536" s="39"/>
      <c r="C536" s="39"/>
      <c r="D536" s="39"/>
      <c r="E536" s="39"/>
      <c r="F536" s="39"/>
      <c r="G536" s="39"/>
      <c r="H536" s="39"/>
      <c r="I536" s="39"/>
      <c r="J536" s="29"/>
      <c r="L536" s="69"/>
      <c r="M536" s="12" t="s">
        <v>262</v>
      </c>
      <c r="N536" s="28"/>
      <c r="P536" s="29"/>
    </row>
    <row r="537" spans="1:16" ht="16.5" customHeight="1" x14ac:dyDescent="0.25">
      <c r="A537" s="48"/>
      <c r="B537" s="39" t="s">
        <v>244</v>
      </c>
      <c r="C537" s="39"/>
      <c r="D537" s="39"/>
      <c r="E537" s="39"/>
      <c r="F537" s="39"/>
      <c r="G537" s="39"/>
      <c r="H537" s="39"/>
      <c r="I537" s="39"/>
      <c r="J537" s="29"/>
      <c r="K537" s="86" t="s">
        <v>101</v>
      </c>
      <c r="L537" s="87" t="s">
        <v>101</v>
      </c>
      <c r="M537" s="12"/>
      <c r="N537" s="28"/>
      <c r="P537" s="29"/>
    </row>
    <row r="538" spans="1:16" ht="16.5" customHeight="1" x14ac:dyDescent="0.25">
      <c r="A538" s="48"/>
      <c r="B538" s="39" t="s">
        <v>245</v>
      </c>
      <c r="C538" s="39"/>
      <c r="D538" s="39"/>
      <c r="E538" s="39"/>
      <c r="F538" s="39"/>
      <c r="G538" s="39"/>
      <c r="H538" s="39"/>
      <c r="I538" s="39"/>
      <c r="J538" s="29"/>
      <c r="L538" s="69"/>
      <c r="M538" s="12"/>
      <c r="N538" s="28"/>
      <c r="P538" s="29"/>
    </row>
    <row r="539" spans="1:16" ht="16.5" customHeight="1" x14ac:dyDescent="0.25">
      <c r="A539" s="48"/>
      <c r="B539" s="39" t="s">
        <v>246</v>
      </c>
      <c r="C539" s="39"/>
      <c r="D539" s="39"/>
      <c r="E539" s="39"/>
      <c r="F539" s="39"/>
      <c r="G539" s="39"/>
      <c r="H539" s="39"/>
      <c r="I539" s="39"/>
      <c r="J539" s="29"/>
      <c r="L539" s="69"/>
      <c r="M539" s="12"/>
      <c r="N539" s="28"/>
      <c r="P539" s="29"/>
    </row>
    <row r="540" spans="1:16" ht="16.5" customHeight="1" x14ac:dyDescent="0.25">
      <c r="A540" s="48"/>
      <c r="B540" s="39"/>
      <c r="C540" s="39"/>
      <c r="D540" s="39"/>
      <c r="E540" s="39"/>
      <c r="F540" s="39"/>
      <c r="G540" s="39"/>
      <c r="H540" s="39"/>
      <c r="I540" s="39"/>
      <c r="J540" s="29"/>
      <c r="L540" s="69"/>
      <c r="M540" s="12"/>
      <c r="N540" s="28"/>
      <c r="P540" s="29"/>
    </row>
    <row r="541" spans="1:16" ht="16.5" customHeight="1" x14ac:dyDescent="0.25">
      <c r="A541" s="48"/>
      <c r="B541" s="39"/>
      <c r="C541" s="39"/>
      <c r="D541" s="39"/>
      <c r="E541" s="39"/>
      <c r="F541" s="39"/>
      <c r="G541" s="39"/>
      <c r="H541" s="39"/>
      <c r="I541" s="39"/>
      <c r="J541" s="29"/>
      <c r="L541" s="69"/>
      <c r="M541" s="12"/>
      <c r="N541" s="28"/>
      <c r="P541" s="29"/>
    </row>
    <row r="542" spans="1:16" ht="16.5" customHeight="1" x14ac:dyDescent="0.25">
      <c r="A542" s="48"/>
      <c r="B542" s="39"/>
      <c r="C542" s="39"/>
      <c r="D542" s="39"/>
      <c r="E542" s="39"/>
      <c r="F542" s="39"/>
      <c r="G542" s="39"/>
      <c r="H542" s="39"/>
      <c r="I542" s="39"/>
      <c r="J542" s="29"/>
      <c r="L542" s="69"/>
      <c r="M542" s="12"/>
      <c r="N542" s="28"/>
      <c r="P542" s="29"/>
    </row>
    <row r="543" spans="1:16" ht="16.5" customHeight="1" x14ac:dyDescent="0.25">
      <c r="A543" s="48"/>
      <c r="B543" s="39"/>
      <c r="C543" s="39"/>
      <c r="D543" s="39"/>
      <c r="E543" s="39"/>
      <c r="F543" s="39"/>
      <c r="G543" s="39"/>
      <c r="H543" s="39"/>
      <c r="I543" s="39"/>
      <c r="J543" s="29"/>
      <c r="L543" s="69"/>
      <c r="M543" s="12"/>
      <c r="N543" s="28"/>
      <c r="P543" s="29"/>
    </row>
    <row r="544" spans="1:16" ht="16.5" customHeight="1" x14ac:dyDescent="0.25">
      <c r="A544" s="48"/>
      <c r="B544" s="39"/>
      <c r="C544" s="39"/>
      <c r="D544" s="39"/>
      <c r="E544" s="39"/>
      <c r="F544" s="39"/>
      <c r="G544" s="39"/>
      <c r="H544" s="39"/>
      <c r="I544" s="39"/>
      <c r="J544" s="29"/>
      <c r="L544" s="69"/>
      <c r="M544" s="12"/>
      <c r="N544" s="28"/>
      <c r="P544" s="29"/>
    </row>
    <row r="545" spans="1:16" ht="16.5" customHeight="1" x14ac:dyDescent="0.25">
      <c r="A545" s="48"/>
      <c r="B545" s="39"/>
      <c r="C545" s="39"/>
      <c r="D545" s="39"/>
      <c r="E545" s="39"/>
      <c r="F545" s="39"/>
      <c r="G545" s="39"/>
      <c r="H545" s="39"/>
      <c r="I545" s="39"/>
      <c r="J545" s="29"/>
      <c r="L545" s="69"/>
      <c r="M545" s="12"/>
      <c r="N545" s="28"/>
      <c r="P545" s="29"/>
    </row>
    <row r="546" spans="1:16" ht="16.5" customHeight="1" x14ac:dyDescent="0.25">
      <c r="A546" s="48"/>
      <c r="B546" s="39"/>
      <c r="C546" s="39"/>
      <c r="D546" s="39"/>
      <c r="E546" s="39"/>
      <c r="F546" s="39"/>
      <c r="G546" s="39"/>
      <c r="H546" s="39"/>
      <c r="I546" s="39"/>
      <c r="J546" s="29"/>
      <c r="L546" s="69"/>
      <c r="M546" s="12"/>
      <c r="N546" s="28"/>
      <c r="P546" s="29"/>
    </row>
    <row r="547" spans="1:16" ht="16.5" customHeight="1" x14ac:dyDescent="0.25">
      <c r="A547" s="48"/>
      <c r="B547" s="39"/>
      <c r="C547" s="39"/>
      <c r="D547" s="39"/>
      <c r="E547" s="39"/>
      <c r="F547" s="39"/>
      <c r="G547" s="39"/>
      <c r="H547" s="39"/>
      <c r="I547" s="39"/>
      <c r="J547" s="29"/>
      <c r="L547" s="69"/>
      <c r="M547" s="12"/>
      <c r="N547" s="28"/>
      <c r="P547" s="29"/>
    </row>
    <row r="548" spans="1:16" ht="16.5" customHeight="1" x14ac:dyDescent="0.25">
      <c r="A548" s="48"/>
      <c r="B548" s="39"/>
      <c r="C548" s="39"/>
      <c r="D548" s="39"/>
      <c r="E548" s="39"/>
      <c r="F548" s="39"/>
      <c r="G548" s="39"/>
      <c r="H548" s="39"/>
      <c r="I548" s="39"/>
      <c r="J548" s="29"/>
      <c r="L548" s="69"/>
      <c r="M548" s="12"/>
      <c r="N548" s="28"/>
      <c r="P548" s="29"/>
    </row>
    <row r="549" spans="1:16" ht="16.5" customHeight="1" x14ac:dyDescent="0.25">
      <c r="A549" s="48"/>
      <c r="B549" s="39"/>
      <c r="C549" s="39"/>
      <c r="D549" s="39"/>
      <c r="E549" s="39"/>
      <c r="F549" s="39"/>
      <c r="G549" s="39"/>
      <c r="H549" s="39"/>
      <c r="I549" s="39"/>
      <c r="J549" s="29"/>
      <c r="L549" s="69"/>
      <c r="M549" s="12"/>
      <c r="N549" s="28"/>
      <c r="P549" s="29"/>
    </row>
    <row r="550" spans="1:16" ht="16.5" customHeight="1" x14ac:dyDescent="0.25">
      <c r="A550" s="48"/>
      <c r="B550" s="39"/>
      <c r="C550" s="39"/>
      <c r="D550" s="39"/>
      <c r="E550" s="39"/>
      <c r="F550" s="39"/>
      <c r="G550" s="39"/>
      <c r="H550" s="39"/>
      <c r="I550" s="39"/>
      <c r="J550" s="29"/>
      <c r="L550" s="69"/>
      <c r="M550" s="12"/>
      <c r="N550" s="28"/>
      <c r="P550" s="29"/>
    </row>
    <row r="551" spans="1:16" ht="16.5" customHeight="1" x14ac:dyDescent="0.25">
      <c r="A551" s="48"/>
      <c r="B551" s="39"/>
      <c r="C551" s="39"/>
      <c r="D551" s="39"/>
      <c r="E551" s="39"/>
      <c r="F551" s="39"/>
      <c r="G551" s="39"/>
      <c r="H551" s="39"/>
      <c r="I551" s="39"/>
      <c r="J551" s="29"/>
      <c r="L551" s="69"/>
      <c r="M551" s="12"/>
      <c r="N551" s="28"/>
      <c r="P551" s="29"/>
    </row>
    <row r="552" spans="1:16" ht="16.5" customHeight="1" x14ac:dyDescent="0.25">
      <c r="A552" s="48"/>
      <c r="B552" s="39"/>
      <c r="C552" s="39"/>
      <c r="D552" s="39"/>
      <c r="E552" s="39"/>
      <c r="F552" s="39"/>
      <c r="G552" s="39"/>
      <c r="H552" s="39"/>
      <c r="I552" s="39"/>
      <c r="J552" s="29"/>
      <c r="L552" s="69"/>
      <c r="M552" s="12"/>
      <c r="N552" s="28"/>
      <c r="P552" s="29"/>
    </row>
    <row r="553" spans="1:16" ht="16.5" customHeight="1" x14ac:dyDescent="0.25">
      <c r="A553" s="48"/>
      <c r="B553" s="39"/>
      <c r="C553" s="39"/>
      <c r="D553" s="39"/>
      <c r="E553" s="39"/>
      <c r="F553" s="39"/>
      <c r="G553" s="39"/>
      <c r="H553" s="39"/>
      <c r="I553" s="39"/>
      <c r="J553" s="29"/>
      <c r="L553" s="69"/>
      <c r="M553" s="12"/>
      <c r="N553" s="28"/>
      <c r="P553" s="29"/>
    </row>
    <row r="554" spans="1:16" ht="16.5" customHeight="1" x14ac:dyDescent="0.25">
      <c r="A554" s="58"/>
      <c r="B554" s="59"/>
      <c r="C554" s="59"/>
      <c r="D554" s="59"/>
      <c r="E554" s="59"/>
      <c r="F554" s="59"/>
      <c r="G554" s="59"/>
      <c r="H554" s="59"/>
      <c r="I554" s="59"/>
      <c r="J554" s="32"/>
      <c r="K554" s="74"/>
      <c r="L554" s="75"/>
      <c r="M554" s="13"/>
      <c r="N554" s="30"/>
      <c r="O554" s="31"/>
      <c r="P554" s="32"/>
    </row>
    <row r="555" spans="1:16" ht="16.5" customHeight="1" x14ac:dyDescent="0.25">
      <c r="A555" s="48" t="s">
        <v>247</v>
      </c>
      <c r="B555" s="39"/>
      <c r="C555" s="39"/>
      <c r="D555" s="39"/>
      <c r="E555" s="39"/>
      <c r="F555" s="39"/>
      <c r="G555" s="39"/>
      <c r="H555" s="39"/>
      <c r="I555" s="39"/>
      <c r="J555" s="29"/>
      <c r="L555" s="69"/>
      <c r="M555" s="12" t="s">
        <v>501</v>
      </c>
      <c r="N555" s="28"/>
      <c r="P555" s="29"/>
    </row>
    <row r="556" spans="1:16" ht="16.5" customHeight="1" x14ac:dyDescent="0.25">
      <c r="A556" s="48"/>
      <c r="B556" s="39" t="s">
        <v>263</v>
      </c>
      <c r="C556" s="39"/>
      <c r="D556" s="39"/>
      <c r="E556" s="39"/>
      <c r="F556" s="39"/>
      <c r="G556" s="39"/>
      <c r="H556" s="39"/>
      <c r="I556" s="39"/>
      <c r="J556" s="29"/>
      <c r="K556" s="86" t="s">
        <v>101</v>
      </c>
      <c r="L556" s="87" t="s">
        <v>101</v>
      </c>
      <c r="M556" s="12"/>
      <c r="N556" s="28"/>
      <c r="P556" s="29"/>
    </row>
    <row r="557" spans="1:16" ht="16.5" customHeight="1" x14ac:dyDescent="0.25">
      <c r="A557" s="48"/>
      <c r="B557" s="39" t="s">
        <v>264</v>
      </c>
      <c r="C557" s="39"/>
      <c r="D557" s="39"/>
      <c r="E557" s="39"/>
      <c r="F557" s="39"/>
      <c r="G557" s="39"/>
      <c r="H557" s="39"/>
      <c r="I557" s="39"/>
      <c r="J557" s="29"/>
      <c r="K557" s="86" t="s">
        <v>101</v>
      </c>
      <c r="L557" s="87" t="s">
        <v>101</v>
      </c>
      <c r="M557" s="12"/>
      <c r="N557" s="28"/>
      <c r="P557" s="29"/>
    </row>
    <row r="558" spans="1:16" ht="16.5" customHeight="1" x14ac:dyDescent="0.25">
      <c r="A558" s="48"/>
      <c r="B558" s="39" t="s">
        <v>265</v>
      </c>
      <c r="C558" s="39"/>
      <c r="D558" s="39"/>
      <c r="E558" s="39"/>
      <c r="F558" s="39"/>
      <c r="G558" s="39"/>
      <c r="H558" s="39"/>
      <c r="I558" s="39"/>
      <c r="J558" s="29"/>
      <c r="L558" s="69"/>
      <c r="M558" s="12"/>
      <c r="N558" s="28"/>
      <c r="P558" s="29"/>
    </row>
    <row r="559" spans="1:16" ht="16.5" customHeight="1" x14ac:dyDescent="0.25">
      <c r="A559" s="48"/>
      <c r="B559" s="39" t="s">
        <v>266</v>
      </c>
      <c r="C559" s="39"/>
      <c r="D559" s="39"/>
      <c r="E559" s="39"/>
      <c r="F559" s="39"/>
      <c r="G559" s="39"/>
      <c r="H559" s="39"/>
      <c r="I559" s="39"/>
      <c r="J559" s="29"/>
      <c r="L559" s="69"/>
      <c r="M559" s="12"/>
      <c r="N559" s="28"/>
      <c r="P559" s="29"/>
    </row>
    <row r="560" spans="1:16" ht="16.5" customHeight="1" x14ac:dyDescent="0.25">
      <c r="A560" s="48"/>
      <c r="B560" s="39" t="s">
        <v>328</v>
      </c>
      <c r="C560" s="39"/>
      <c r="D560" s="39"/>
      <c r="E560" s="39"/>
      <c r="F560" s="39"/>
      <c r="G560" s="39"/>
      <c r="H560" s="39"/>
      <c r="I560" s="39"/>
      <c r="J560" s="29"/>
      <c r="K560" s="86" t="s">
        <v>101</v>
      </c>
      <c r="L560" s="87" t="s">
        <v>101</v>
      </c>
      <c r="M560" s="12"/>
      <c r="N560" s="28"/>
      <c r="P560" s="29"/>
    </row>
    <row r="561" spans="1:16" ht="16.5" customHeight="1" x14ac:dyDescent="0.25">
      <c r="A561" s="48"/>
      <c r="B561" s="39" t="s">
        <v>268</v>
      </c>
      <c r="C561" s="39"/>
      <c r="D561" s="39"/>
      <c r="E561" s="39"/>
      <c r="F561" s="39"/>
      <c r="G561" s="39"/>
      <c r="H561" s="39"/>
      <c r="I561" s="39"/>
      <c r="J561" s="29"/>
      <c r="L561" s="69"/>
      <c r="M561" s="12"/>
      <c r="N561" s="28"/>
      <c r="P561" s="29"/>
    </row>
    <row r="562" spans="1:16" ht="16.5" customHeight="1" x14ac:dyDescent="0.25">
      <c r="A562" s="48"/>
      <c r="B562" s="39"/>
      <c r="C562" s="39"/>
      <c r="D562" s="39"/>
      <c r="E562" s="39"/>
      <c r="F562" s="39"/>
      <c r="G562" s="39"/>
      <c r="H562" s="39"/>
      <c r="I562" s="39"/>
      <c r="J562" s="29"/>
      <c r="L562" s="69"/>
      <c r="M562" s="12"/>
      <c r="N562" s="28"/>
      <c r="P562" s="29"/>
    </row>
    <row r="563" spans="1:16" ht="16.5" customHeight="1" x14ac:dyDescent="0.25">
      <c r="A563" s="48"/>
      <c r="B563" s="39"/>
      <c r="C563" s="39"/>
      <c r="D563" s="39"/>
      <c r="E563" s="39"/>
      <c r="F563" s="39"/>
      <c r="G563" s="39"/>
      <c r="H563" s="39"/>
      <c r="I563" s="39"/>
      <c r="J563" s="29"/>
      <c r="L563" s="69"/>
      <c r="M563" s="12"/>
      <c r="N563" s="28"/>
      <c r="P563" s="29"/>
    </row>
    <row r="564" spans="1:16" ht="16.5" customHeight="1" x14ac:dyDescent="0.25">
      <c r="A564" s="48"/>
      <c r="B564" s="39"/>
      <c r="C564" s="39"/>
      <c r="D564" s="39"/>
      <c r="E564" s="39"/>
      <c r="F564" s="39"/>
      <c r="G564" s="39"/>
      <c r="H564" s="39"/>
      <c r="I564" s="39"/>
      <c r="J564" s="29"/>
      <c r="L564" s="69"/>
      <c r="M564" s="12"/>
      <c r="N564" s="28"/>
      <c r="P564" s="29"/>
    </row>
    <row r="565" spans="1:16" ht="16.5" customHeight="1" x14ac:dyDescent="0.25">
      <c r="A565" s="48"/>
      <c r="B565" s="39"/>
      <c r="C565" s="39"/>
      <c r="D565" s="39"/>
      <c r="E565" s="39"/>
      <c r="F565" s="39"/>
      <c r="G565" s="39"/>
      <c r="H565" s="39"/>
      <c r="I565" s="39"/>
      <c r="J565" s="29"/>
      <c r="L565" s="69"/>
      <c r="M565" s="12"/>
      <c r="N565" s="28"/>
      <c r="P565" s="29"/>
    </row>
    <row r="566" spans="1:16" ht="16.5" customHeight="1" x14ac:dyDescent="0.25">
      <c r="A566" s="48"/>
      <c r="B566" s="39"/>
      <c r="C566" s="39"/>
      <c r="D566" s="39"/>
      <c r="E566" s="39"/>
      <c r="F566" s="39"/>
      <c r="G566" s="39"/>
      <c r="H566" s="39"/>
      <c r="I566" s="39"/>
      <c r="J566" s="29"/>
      <c r="L566" s="69"/>
      <c r="M566" s="12"/>
      <c r="N566" s="28"/>
      <c r="P566" s="29"/>
    </row>
    <row r="567" spans="1:16" ht="16.5" customHeight="1" x14ac:dyDescent="0.25">
      <c r="A567" s="48"/>
      <c r="B567" s="39"/>
      <c r="C567" s="39"/>
      <c r="D567" s="39"/>
      <c r="E567" s="39"/>
      <c r="F567" s="39"/>
      <c r="G567" s="39"/>
      <c r="H567" s="39"/>
      <c r="I567" s="39"/>
      <c r="J567" s="29"/>
      <c r="L567" s="69"/>
      <c r="M567" s="12"/>
      <c r="N567" s="28"/>
      <c r="P567" s="29"/>
    </row>
    <row r="568" spans="1:16" ht="16.5" customHeight="1" x14ac:dyDescent="0.25">
      <c r="A568" s="48"/>
      <c r="B568" s="39"/>
      <c r="C568" s="39"/>
      <c r="D568" s="39"/>
      <c r="E568" s="39"/>
      <c r="F568" s="39"/>
      <c r="G568" s="39"/>
      <c r="H568" s="39"/>
      <c r="I568" s="39"/>
      <c r="J568" s="29"/>
      <c r="L568" s="69"/>
      <c r="M568" s="12"/>
      <c r="N568" s="28"/>
      <c r="P568" s="29"/>
    </row>
    <row r="569" spans="1:16" ht="16.5" customHeight="1" x14ac:dyDescent="0.25">
      <c r="A569" s="48"/>
      <c r="B569" s="39"/>
      <c r="C569" s="39"/>
      <c r="D569" s="39"/>
      <c r="E569" s="39"/>
      <c r="F569" s="39"/>
      <c r="G569" s="39"/>
      <c r="H569" s="39"/>
      <c r="I569" s="39"/>
      <c r="J569" s="29"/>
      <c r="L569" s="69"/>
      <c r="M569" s="12"/>
      <c r="N569" s="28"/>
      <c r="P569" s="29"/>
    </row>
    <row r="570" spans="1:16" ht="16.5" customHeight="1" x14ac:dyDescent="0.25">
      <c r="A570" s="48"/>
      <c r="B570" s="39"/>
      <c r="C570" s="39"/>
      <c r="D570" s="39"/>
      <c r="E570" s="39"/>
      <c r="F570" s="39"/>
      <c r="G570" s="39"/>
      <c r="H570" s="39"/>
      <c r="I570" s="39"/>
      <c r="J570" s="29"/>
      <c r="L570" s="69"/>
      <c r="M570" s="12"/>
      <c r="N570" s="28"/>
      <c r="P570" s="29"/>
    </row>
    <row r="571" spans="1:16" ht="16.5" customHeight="1" x14ac:dyDescent="0.25">
      <c r="A571" s="48"/>
      <c r="B571" s="39"/>
      <c r="C571" s="39"/>
      <c r="D571" s="39"/>
      <c r="E571" s="39"/>
      <c r="F571" s="39"/>
      <c r="G571" s="39"/>
      <c r="H571" s="39"/>
      <c r="I571" s="39"/>
      <c r="J571" s="29"/>
      <c r="L571" s="69"/>
      <c r="M571" s="12"/>
      <c r="N571" s="28"/>
      <c r="P571" s="29"/>
    </row>
    <row r="572" spans="1:16" ht="16.5" customHeight="1" x14ac:dyDescent="0.25">
      <c r="A572" s="58"/>
      <c r="B572" s="59"/>
      <c r="C572" s="59"/>
      <c r="D572" s="59"/>
      <c r="E572" s="59"/>
      <c r="F572" s="59"/>
      <c r="G572" s="59"/>
      <c r="H572" s="59"/>
      <c r="I572" s="59"/>
      <c r="J572" s="32"/>
      <c r="K572" s="74"/>
      <c r="L572" s="75"/>
      <c r="M572" s="13"/>
      <c r="N572" s="30"/>
      <c r="O572" s="31"/>
      <c r="P572" s="32"/>
    </row>
    <row r="573" spans="1:16" ht="16.5" customHeight="1" x14ac:dyDescent="0.25">
      <c r="A573" s="48" t="s">
        <v>248</v>
      </c>
      <c r="B573" s="39"/>
      <c r="C573" s="39"/>
      <c r="D573" s="39"/>
      <c r="E573" s="39"/>
      <c r="F573" s="39"/>
      <c r="G573" s="39"/>
      <c r="H573" s="39"/>
      <c r="I573" s="39"/>
      <c r="J573" s="29"/>
      <c r="L573" s="69"/>
      <c r="M573" s="12"/>
      <c r="N573" s="28"/>
      <c r="P573" s="29"/>
    </row>
    <row r="574" spans="1:16" ht="16.5" customHeight="1" x14ac:dyDescent="0.25">
      <c r="A574" s="48" t="s">
        <v>267</v>
      </c>
      <c r="B574" s="39"/>
      <c r="C574" s="39"/>
      <c r="D574" s="39"/>
      <c r="E574" s="39"/>
      <c r="F574" s="39"/>
      <c r="G574" s="39"/>
      <c r="H574" s="39"/>
      <c r="I574" s="39"/>
      <c r="J574" s="29"/>
      <c r="K574" s="86" t="s">
        <v>101</v>
      </c>
      <c r="L574" s="87" t="s">
        <v>101</v>
      </c>
      <c r="M574" s="12"/>
      <c r="N574" s="28"/>
      <c r="P574" s="29"/>
    </row>
    <row r="575" spans="1:16" ht="16.5" customHeight="1" x14ac:dyDescent="0.25">
      <c r="A575" s="48"/>
      <c r="B575" s="39"/>
      <c r="C575" s="39"/>
      <c r="D575" s="39"/>
      <c r="E575" s="39"/>
      <c r="F575" s="39"/>
      <c r="G575" s="39"/>
      <c r="H575" s="39"/>
      <c r="I575" s="39"/>
      <c r="J575" s="29"/>
      <c r="L575" s="69"/>
      <c r="M575" s="12"/>
      <c r="N575" s="28"/>
      <c r="P575" s="29"/>
    </row>
    <row r="576" spans="1:16" ht="16.5" customHeight="1" x14ac:dyDescent="0.25">
      <c r="A576" s="58"/>
      <c r="B576" s="59"/>
      <c r="C576" s="59"/>
      <c r="D576" s="59"/>
      <c r="E576" s="59"/>
      <c r="F576" s="59"/>
      <c r="G576" s="59"/>
      <c r="H576" s="59"/>
      <c r="I576" s="59"/>
      <c r="J576" s="32"/>
      <c r="K576" s="74"/>
      <c r="L576" s="75"/>
      <c r="M576" s="13"/>
      <c r="N576" s="30"/>
      <c r="O576" s="31"/>
      <c r="P576" s="32"/>
    </row>
    <row r="577" spans="1:16" ht="16.5" customHeight="1" x14ac:dyDescent="0.25">
      <c r="A577" s="48" t="s">
        <v>249</v>
      </c>
      <c r="B577" s="39"/>
      <c r="C577" s="39"/>
      <c r="D577" s="39"/>
      <c r="E577" s="39"/>
      <c r="F577" s="39"/>
      <c r="G577" s="39"/>
      <c r="H577" s="39"/>
      <c r="I577" s="39"/>
      <c r="J577" s="29"/>
      <c r="L577" s="69"/>
      <c r="M577" s="12" t="s">
        <v>274</v>
      </c>
      <c r="N577" s="28"/>
      <c r="P577" s="29"/>
    </row>
    <row r="578" spans="1:16" ht="16.5" customHeight="1" x14ac:dyDescent="0.25">
      <c r="A578" s="48"/>
      <c r="B578" s="39" t="s">
        <v>269</v>
      </c>
      <c r="C578" s="39"/>
      <c r="D578" s="39"/>
      <c r="E578" s="39"/>
      <c r="F578" s="39"/>
      <c r="G578" s="39"/>
      <c r="H578" s="39"/>
      <c r="I578" s="39"/>
      <c r="J578" s="29"/>
      <c r="K578" s="86" t="s">
        <v>101</v>
      </c>
      <c r="L578" s="87" t="s">
        <v>101</v>
      </c>
      <c r="M578" s="12" t="s">
        <v>275</v>
      </c>
      <c r="N578" s="28"/>
      <c r="P578" s="29"/>
    </row>
    <row r="579" spans="1:16" ht="16.5" customHeight="1" x14ac:dyDescent="0.25">
      <c r="A579" s="48"/>
      <c r="C579" s="39" t="s">
        <v>628</v>
      </c>
      <c r="D579" s="39"/>
      <c r="E579" s="39"/>
      <c r="F579" s="39"/>
      <c r="G579" s="39"/>
      <c r="H579" s="39"/>
      <c r="I579" s="39"/>
      <c r="J579" s="29"/>
      <c r="L579" s="69"/>
      <c r="M579" s="12" t="s">
        <v>276</v>
      </c>
      <c r="N579" s="28"/>
      <c r="P579" s="29"/>
    </row>
    <row r="580" spans="1:16" ht="16.5" customHeight="1" x14ac:dyDescent="0.25">
      <c r="A580" s="48"/>
      <c r="D580" s="39" t="s">
        <v>629</v>
      </c>
      <c r="E580" s="39"/>
      <c r="F580" s="39"/>
      <c r="G580" s="39"/>
      <c r="H580" s="39"/>
      <c r="I580" s="39"/>
      <c r="J580" s="29"/>
      <c r="L580" s="69"/>
      <c r="M580" s="12" t="s">
        <v>670</v>
      </c>
      <c r="N580" s="28"/>
      <c r="P580" s="29"/>
    </row>
    <row r="581" spans="1:16" ht="16.5" customHeight="1" x14ac:dyDescent="0.25">
      <c r="A581" s="48"/>
      <c r="C581" s="39"/>
      <c r="D581" s="39" t="s">
        <v>630</v>
      </c>
      <c r="E581" s="39"/>
      <c r="F581" s="39"/>
      <c r="G581" s="39"/>
      <c r="H581" s="39"/>
      <c r="I581" s="39"/>
      <c r="J581" s="29"/>
      <c r="L581" s="69"/>
      <c r="M581" s="12" t="s">
        <v>671</v>
      </c>
      <c r="N581" s="28"/>
      <c r="P581" s="29"/>
    </row>
    <row r="582" spans="1:16" ht="16.5" customHeight="1" x14ac:dyDescent="0.25">
      <c r="A582" s="48"/>
      <c r="C582" s="39"/>
      <c r="D582" s="39" t="s">
        <v>631</v>
      </c>
      <c r="E582" s="39"/>
      <c r="F582" s="39"/>
      <c r="G582" s="39"/>
      <c r="H582" s="39"/>
      <c r="I582" s="39"/>
      <c r="J582" s="29"/>
      <c r="L582" s="69"/>
      <c r="M582" s="12"/>
      <c r="N582" s="28"/>
      <c r="P582" s="29"/>
    </row>
    <row r="583" spans="1:16" ht="16.5" customHeight="1" x14ac:dyDescent="0.25">
      <c r="A583" s="48"/>
      <c r="B583" s="39"/>
      <c r="C583" s="39"/>
      <c r="D583" s="39" t="s">
        <v>632</v>
      </c>
      <c r="E583" s="39"/>
      <c r="F583" s="39"/>
      <c r="G583" s="39"/>
      <c r="H583" s="39"/>
      <c r="I583" s="39"/>
      <c r="J583" s="29"/>
      <c r="L583" s="69"/>
      <c r="M583" s="12"/>
      <c r="N583" s="28"/>
      <c r="P583" s="29"/>
    </row>
    <row r="584" spans="1:16" ht="16.5" customHeight="1" x14ac:dyDescent="0.25">
      <c r="A584" s="48"/>
      <c r="B584" s="39"/>
      <c r="C584" s="39"/>
      <c r="D584" s="39" t="s">
        <v>633</v>
      </c>
      <c r="E584" s="39"/>
      <c r="F584" s="39"/>
      <c r="G584" s="39"/>
      <c r="H584" s="39"/>
      <c r="I584" s="39"/>
      <c r="J584" s="29"/>
      <c r="L584" s="69"/>
      <c r="M584" s="12"/>
      <c r="N584" s="28"/>
      <c r="P584" s="29"/>
    </row>
    <row r="585" spans="1:16" ht="16.5" customHeight="1" x14ac:dyDescent="0.25">
      <c r="A585" s="48"/>
      <c r="B585" s="39"/>
      <c r="C585" s="39"/>
      <c r="D585" s="39" t="s">
        <v>634</v>
      </c>
      <c r="E585" s="39"/>
      <c r="F585" s="39"/>
      <c r="G585" s="39"/>
      <c r="H585" s="39"/>
      <c r="I585" s="39"/>
      <c r="J585" s="29"/>
      <c r="L585" s="69"/>
      <c r="M585" s="12"/>
      <c r="N585" s="28"/>
      <c r="P585" s="29"/>
    </row>
    <row r="586" spans="1:16" ht="16.5" customHeight="1" x14ac:dyDescent="0.25">
      <c r="A586" s="48"/>
      <c r="B586" s="39"/>
      <c r="C586" s="39"/>
      <c r="D586" s="39" t="s">
        <v>635</v>
      </c>
      <c r="E586" s="39"/>
      <c r="F586" s="39"/>
      <c r="G586" s="39"/>
      <c r="H586" s="39"/>
      <c r="I586" s="39"/>
      <c r="J586" s="29"/>
      <c r="L586" s="69"/>
      <c r="M586" s="12"/>
      <c r="N586" s="28"/>
      <c r="P586" s="29"/>
    </row>
    <row r="587" spans="1:16" ht="16.5" customHeight="1" x14ac:dyDescent="0.25">
      <c r="A587" s="48"/>
      <c r="C587" s="39"/>
      <c r="D587" s="39" t="s">
        <v>636</v>
      </c>
      <c r="E587" s="39"/>
      <c r="F587" s="39"/>
      <c r="G587" s="39"/>
      <c r="H587" s="39"/>
      <c r="I587" s="39"/>
      <c r="J587" s="29"/>
      <c r="L587" s="69"/>
      <c r="M587" s="12"/>
      <c r="N587" s="28"/>
      <c r="P587" s="29"/>
    </row>
    <row r="588" spans="1:16" ht="16.5" customHeight="1" x14ac:dyDescent="0.25">
      <c r="A588" s="48"/>
      <c r="C588" s="39"/>
      <c r="D588" s="39" t="s">
        <v>637</v>
      </c>
      <c r="E588" s="39"/>
      <c r="F588" s="39"/>
      <c r="G588" s="39"/>
      <c r="H588" s="39"/>
      <c r="I588" s="39"/>
      <c r="J588" s="29"/>
      <c r="L588" s="69"/>
      <c r="M588" s="12"/>
      <c r="N588" s="28"/>
      <c r="P588" s="29"/>
    </row>
    <row r="589" spans="1:16" ht="16.5" customHeight="1" x14ac:dyDescent="0.25">
      <c r="A589" s="48"/>
      <c r="C589" s="39"/>
      <c r="D589" s="39" t="s">
        <v>638</v>
      </c>
      <c r="E589" s="39"/>
      <c r="F589" s="39"/>
      <c r="G589" s="39"/>
      <c r="H589" s="39"/>
      <c r="I589" s="39"/>
      <c r="J589" s="29"/>
      <c r="L589" s="69"/>
      <c r="M589" s="12"/>
      <c r="N589" s="28"/>
      <c r="P589" s="29"/>
    </row>
    <row r="590" spans="1:16" ht="16.5" customHeight="1" x14ac:dyDescent="0.25">
      <c r="A590" s="48"/>
      <c r="B590" s="39" t="s">
        <v>270</v>
      </c>
      <c r="C590" s="39"/>
      <c r="D590" s="39"/>
      <c r="E590" s="39"/>
      <c r="F590" s="39"/>
      <c r="G590" s="39"/>
      <c r="H590" s="39"/>
      <c r="I590" s="39"/>
      <c r="J590" s="29"/>
      <c r="K590" s="86" t="s">
        <v>101</v>
      </c>
      <c r="L590" s="87" t="s">
        <v>101</v>
      </c>
      <c r="M590" s="12"/>
      <c r="N590" s="28"/>
      <c r="P590" s="29"/>
    </row>
    <row r="591" spans="1:16" ht="16.5" customHeight="1" x14ac:dyDescent="0.25">
      <c r="A591" s="48"/>
      <c r="B591" s="39" t="s">
        <v>271</v>
      </c>
      <c r="C591" s="39"/>
      <c r="D591" s="39"/>
      <c r="E591" s="39"/>
      <c r="F591" s="39"/>
      <c r="G591" s="39"/>
      <c r="H591" s="39"/>
      <c r="I591" s="39"/>
      <c r="J591" s="29"/>
      <c r="L591" s="69"/>
      <c r="M591" s="12"/>
      <c r="N591" s="28"/>
      <c r="P591" s="29"/>
    </row>
    <row r="592" spans="1:16" ht="16.5" customHeight="1" x14ac:dyDescent="0.25">
      <c r="A592" s="48"/>
      <c r="B592" s="39" t="s">
        <v>272</v>
      </c>
      <c r="C592" s="39"/>
      <c r="D592" s="39"/>
      <c r="E592" s="39"/>
      <c r="F592" s="39"/>
      <c r="G592" s="39"/>
      <c r="H592" s="39"/>
      <c r="I592" s="39"/>
      <c r="J592" s="29"/>
      <c r="L592" s="69"/>
      <c r="M592" s="12"/>
      <c r="N592" s="28"/>
      <c r="P592" s="29"/>
    </row>
    <row r="593" spans="1:16" ht="16.5" customHeight="1" x14ac:dyDescent="0.25">
      <c r="A593" s="48"/>
      <c r="B593" s="39" t="s">
        <v>273</v>
      </c>
      <c r="C593" s="39"/>
      <c r="D593" s="39"/>
      <c r="E593" s="39"/>
      <c r="F593" s="39"/>
      <c r="G593" s="39"/>
      <c r="H593" s="39"/>
      <c r="I593" s="39"/>
      <c r="J593" s="29"/>
      <c r="K593" s="86" t="s">
        <v>101</v>
      </c>
      <c r="L593" s="87" t="s">
        <v>101</v>
      </c>
      <c r="M593" s="12"/>
      <c r="N593" s="28"/>
      <c r="P593" s="29"/>
    </row>
    <row r="594" spans="1:16" ht="16.5" customHeight="1" x14ac:dyDescent="0.25">
      <c r="A594" s="48"/>
      <c r="B594" s="39"/>
      <c r="C594" s="39"/>
      <c r="D594" s="39"/>
      <c r="E594" s="39"/>
      <c r="F594" s="39"/>
      <c r="G594" s="39"/>
      <c r="H594" s="39"/>
      <c r="I594" s="39"/>
      <c r="J594" s="29"/>
      <c r="L594" s="69"/>
      <c r="M594" s="12"/>
      <c r="N594" s="28"/>
      <c r="P594" s="29"/>
    </row>
    <row r="595" spans="1:16" ht="16.5" customHeight="1" x14ac:dyDescent="0.25">
      <c r="A595" s="48"/>
      <c r="B595" s="39"/>
      <c r="C595" s="39"/>
      <c r="D595" s="39"/>
      <c r="E595" s="39"/>
      <c r="F595" s="39"/>
      <c r="G595" s="39"/>
      <c r="H595" s="39"/>
      <c r="I595" s="39"/>
      <c r="J595" s="29"/>
      <c r="L595" s="69"/>
      <c r="M595" s="12"/>
      <c r="N595" s="28"/>
      <c r="P595" s="29"/>
    </row>
    <row r="596" spans="1:16" ht="16.5" customHeight="1" x14ac:dyDescent="0.25">
      <c r="A596" s="48"/>
      <c r="B596" s="39"/>
      <c r="C596" s="39"/>
      <c r="D596" s="39"/>
      <c r="E596" s="39"/>
      <c r="F596" s="39"/>
      <c r="G596" s="39"/>
      <c r="H596" s="39"/>
      <c r="I596" s="39"/>
      <c r="J596" s="29"/>
      <c r="L596" s="69"/>
      <c r="M596" s="12"/>
      <c r="N596" s="28"/>
      <c r="P596" s="29"/>
    </row>
    <row r="597" spans="1:16" ht="16.5" customHeight="1" x14ac:dyDescent="0.25">
      <c r="A597" s="48"/>
      <c r="B597" s="39"/>
      <c r="C597" s="39"/>
      <c r="D597" s="39"/>
      <c r="E597" s="39"/>
      <c r="F597" s="39"/>
      <c r="G597" s="39"/>
      <c r="H597" s="39"/>
      <c r="I597" s="39"/>
      <c r="J597" s="29"/>
      <c r="L597" s="69"/>
      <c r="M597" s="12"/>
      <c r="N597" s="28"/>
      <c r="P597" s="29"/>
    </row>
    <row r="598" spans="1:16" ht="16.5" customHeight="1" x14ac:dyDescent="0.25">
      <c r="A598" s="48"/>
      <c r="B598" s="39"/>
      <c r="C598" s="39"/>
      <c r="D598" s="39"/>
      <c r="E598" s="39"/>
      <c r="F598" s="39"/>
      <c r="G598" s="39"/>
      <c r="H598" s="39"/>
      <c r="I598" s="39"/>
      <c r="J598" s="29"/>
      <c r="L598" s="69"/>
      <c r="M598" s="12"/>
      <c r="N598" s="28"/>
      <c r="P598" s="29"/>
    </row>
    <row r="599" spans="1:16" ht="16.5" customHeight="1" x14ac:dyDescent="0.25">
      <c r="A599" s="48"/>
      <c r="B599" s="39"/>
      <c r="C599" s="39"/>
      <c r="D599" s="39"/>
      <c r="E599" s="39"/>
      <c r="F599" s="39"/>
      <c r="G599" s="39"/>
      <c r="H599" s="39"/>
      <c r="I599" s="39"/>
      <c r="J599" s="29"/>
      <c r="L599" s="69"/>
      <c r="M599" s="12"/>
      <c r="N599" s="28"/>
      <c r="P599" s="29"/>
    </row>
    <row r="600" spans="1:16" ht="16.5" customHeight="1" x14ac:dyDescent="0.25">
      <c r="A600" s="48"/>
      <c r="B600" s="39"/>
      <c r="C600" s="39"/>
      <c r="D600" s="39"/>
      <c r="E600" s="39"/>
      <c r="F600" s="39"/>
      <c r="G600" s="39"/>
      <c r="H600" s="39"/>
      <c r="I600" s="39"/>
      <c r="J600" s="29"/>
      <c r="L600" s="69"/>
      <c r="M600" s="12"/>
      <c r="N600" s="28"/>
      <c r="P600" s="29"/>
    </row>
    <row r="601" spans="1:16" ht="16.5" customHeight="1" x14ac:dyDescent="0.25">
      <c r="A601" s="58"/>
      <c r="B601" s="59"/>
      <c r="C601" s="59"/>
      <c r="D601" s="59"/>
      <c r="E601" s="59"/>
      <c r="F601" s="59"/>
      <c r="G601" s="59"/>
      <c r="H601" s="59"/>
      <c r="I601" s="59"/>
      <c r="J601" s="32"/>
      <c r="K601" s="74"/>
      <c r="L601" s="75"/>
      <c r="M601" s="13"/>
      <c r="N601" s="30"/>
      <c r="O601" s="31"/>
      <c r="P601" s="32"/>
    </row>
    <row r="602" spans="1:16" ht="16.5" customHeight="1" x14ac:dyDescent="0.25">
      <c r="A602" s="48" t="s">
        <v>313</v>
      </c>
      <c r="B602" s="39"/>
      <c r="C602" s="39"/>
      <c r="D602" s="39"/>
      <c r="E602" s="39"/>
      <c r="F602" s="39"/>
      <c r="G602" s="39"/>
      <c r="H602" s="39"/>
      <c r="I602" s="39"/>
      <c r="J602" s="29"/>
      <c r="L602" s="69"/>
      <c r="M602" s="12" t="s">
        <v>506</v>
      </c>
      <c r="N602" s="28"/>
      <c r="P602" s="29"/>
    </row>
    <row r="603" spans="1:16" ht="16.5" customHeight="1" x14ac:dyDescent="0.25">
      <c r="A603" s="48"/>
      <c r="B603" s="39" t="s">
        <v>104</v>
      </c>
      <c r="C603" s="39"/>
      <c r="D603" s="39"/>
      <c r="E603" s="39"/>
      <c r="F603" s="39"/>
      <c r="G603" s="39"/>
      <c r="H603" s="39"/>
      <c r="I603" s="39"/>
      <c r="J603" s="29"/>
      <c r="K603" s="86" t="s">
        <v>101</v>
      </c>
      <c r="L603" s="87" t="s">
        <v>101</v>
      </c>
      <c r="M603" s="251" t="s">
        <v>38</v>
      </c>
      <c r="N603" s="28"/>
      <c r="P603" s="29"/>
    </row>
    <row r="604" spans="1:16" ht="16.5" customHeight="1" x14ac:dyDescent="0.25">
      <c r="A604" s="48"/>
      <c r="B604" s="39" t="s">
        <v>503</v>
      </c>
      <c r="C604" s="39"/>
      <c r="D604" s="39"/>
      <c r="E604" s="39"/>
      <c r="F604" s="39"/>
      <c r="G604" s="39"/>
      <c r="H604" s="39"/>
      <c r="I604" s="39"/>
      <c r="J604" s="29"/>
      <c r="L604" s="69"/>
      <c r="M604" s="251" t="s">
        <v>481</v>
      </c>
      <c r="N604" s="28"/>
      <c r="P604" s="29"/>
    </row>
    <row r="605" spans="1:16" ht="16.5" customHeight="1" x14ac:dyDescent="0.25">
      <c r="A605" s="48"/>
      <c r="B605" s="39" t="s">
        <v>502</v>
      </c>
      <c r="C605" s="39"/>
      <c r="D605" s="39"/>
      <c r="E605" s="39"/>
      <c r="F605" s="39"/>
      <c r="G605" s="39"/>
      <c r="H605" s="39"/>
      <c r="I605" s="39"/>
      <c r="J605" s="29"/>
      <c r="K605" s="86"/>
      <c r="L605" s="87"/>
      <c r="M605" s="12" t="s">
        <v>482</v>
      </c>
      <c r="N605" s="28"/>
      <c r="P605" s="29"/>
    </row>
    <row r="606" spans="1:16" ht="16.5" customHeight="1" x14ac:dyDescent="0.25">
      <c r="A606" s="48"/>
      <c r="B606" s="39" t="s">
        <v>598</v>
      </c>
      <c r="C606" s="39"/>
      <c r="D606" s="39"/>
      <c r="E606" s="39"/>
      <c r="F606" s="39"/>
      <c r="G606" s="39"/>
      <c r="H606" s="39"/>
      <c r="I606" s="39"/>
      <c r="J606" s="29"/>
      <c r="K606" s="86" t="s">
        <v>101</v>
      </c>
      <c r="L606" s="87" t="s">
        <v>101</v>
      </c>
      <c r="M606" s="12" t="s">
        <v>33</v>
      </c>
      <c r="N606" s="28"/>
      <c r="P606" s="29"/>
    </row>
    <row r="607" spans="1:16" ht="16.5" customHeight="1" x14ac:dyDescent="0.25">
      <c r="A607" s="48"/>
      <c r="B607" s="39" t="s">
        <v>597</v>
      </c>
      <c r="C607" s="39"/>
      <c r="D607" s="39"/>
      <c r="E607" s="39"/>
      <c r="F607" s="39"/>
      <c r="G607" s="39"/>
      <c r="H607" s="39"/>
      <c r="I607" s="39"/>
      <c r="J607" s="29"/>
      <c r="K607" s="86"/>
      <c r="L607" s="87"/>
      <c r="M607" s="12"/>
      <c r="N607" s="28"/>
      <c r="P607" s="29"/>
    </row>
    <row r="608" spans="1:16" ht="16.5" customHeight="1" x14ac:dyDescent="0.25">
      <c r="A608" s="48"/>
      <c r="B608" s="39" t="s">
        <v>599</v>
      </c>
      <c r="C608" s="39"/>
      <c r="D608" s="39"/>
      <c r="E608" s="39"/>
      <c r="F608" s="39"/>
      <c r="G608" s="39"/>
      <c r="H608" s="39"/>
      <c r="I608" s="39"/>
      <c r="J608" s="29"/>
      <c r="K608" s="86" t="s">
        <v>101</v>
      </c>
      <c r="L608" s="87" t="s">
        <v>101</v>
      </c>
      <c r="M608" s="251"/>
      <c r="N608" s="28"/>
      <c r="P608" s="29"/>
    </row>
    <row r="609" spans="1:16" ht="16.5" customHeight="1" x14ac:dyDescent="0.25">
      <c r="A609" s="48"/>
      <c r="B609" s="39" t="s">
        <v>600</v>
      </c>
      <c r="C609" s="39"/>
      <c r="D609" s="39"/>
      <c r="E609" s="39"/>
      <c r="F609" s="39"/>
      <c r="G609" s="39"/>
      <c r="H609" s="39"/>
      <c r="I609" s="39"/>
      <c r="J609" s="29"/>
      <c r="K609" s="86"/>
      <c r="L609" s="87"/>
      <c r="M609" s="12"/>
      <c r="N609" s="28"/>
      <c r="P609" s="29"/>
    </row>
    <row r="610" spans="1:16" ht="16.5" customHeight="1" x14ac:dyDescent="0.25">
      <c r="A610" s="48"/>
      <c r="B610" s="39" t="s">
        <v>504</v>
      </c>
      <c r="C610" s="39"/>
      <c r="D610" s="39"/>
      <c r="E610" s="39"/>
      <c r="F610" s="39"/>
      <c r="G610" s="39"/>
      <c r="H610" s="39"/>
      <c r="I610" s="39"/>
      <c r="J610" s="29"/>
      <c r="K610" s="86" t="s">
        <v>101</v>
      </c>
      <c r="L610" s="87" t="s">
        <v>101</v>
      </c>
      <c r="M610" s="12"/>
      <c r="N610" s="28"/>
      <c r="P610" s="29"/>
    </row>
    <row r="611" spans="1:16" ht="16.5" customHeight="1" x14ac:dyDescent="0.25">
      <c r="A611" s="48"/>
      <c r="B611" s="39" t="s">
        <v>505</v>
      </c>
      <c r="C611" s="39"/>
      <c r="D611" s="39"/>
      <c r="E611" s="39"/>
      <c r="F611" s="39"/>
      <c r="G611" s="39"/>
      <c r="H611" s="39"/>
      <c r="I611" s="39"/>
      <c r="J611" s="29"/>
      <c r="K611" s="86" t="s">
        <v>101</v>
      </c>
      <c r="L611" s="87" t="s">
        <v>101</v>
      </c>
      <c r="M611" s="12"/>
      <c r="N611" s="28"/>
      <c r="P611" s="29"/>
    </row>
    <row r="612" spans="1:16" ht="16.5" customHeight="1" x14ac:dyDescent="0.25">
      <c r="A612" s="48"/>
      <c r="B612" s="39" t="s">
        <v>601</v>
      </c>
      <c r="C612" s="39"/>
      <c r="D612" s="39"/>
      <c r="E612" s="39"/>
      <c r="F612" s="39"/>
      <c r="G612" s="39"/>
      <c r="H612" s="39"/>
      <c r="I612" s="39"/>
      <c r="J612" s="29"/>
      <c r="K612" s="86" t="s">
        <v>101</v>
      </c>
      <c r="L612" s="87" t="s">
        <v>101</v>
      </c>
      <c r="M612" s="12"/>
      <c r="N612" s="28"/>
      <c r="P612" s="29"/>
    </row>
    <row r="613" spans="1:16" ht="16.5" customHeight="1" x14ac:dyDescent="0.25">
      <c r="A613" s="48"/>
      <c r="B613" s="39" t="s">
        <v>602</v>
      </c>
      <c r="C613" s="39"/>
      <c r="D613" s="39"/>
      <c r="E613" s="39"/>
      <c r="F613" s="39"/>
      <c r="G613" s="39"/>
      <c r="H613" s="39"/>
      <c r="I613" s="39"/>
      <c r="J613" s="29"/>
      <c r="L613" s="69"/>
      <c r="M613" s="12"/>
      <c r="N613" s="28"/>
      <c r="P613" s="29"/>
    </row>
    <row r="614" spans="1:16" ht="16.5" customHeight="1" x14ac:dyDescent="0.25">
      <c r="A614" s="48"/>
      <c r="B614" s="39"/>
      <c r="C614" s="39"/>
      <c r="D614" s="39"/>
      <c r="E614" s="39"/>
      <c r="F614" s="39"/>
      <c r="G614" s="39"/>
      <c r="H614" s="39"/>
      <c r="I614" s="39"/>
      <c r="J614" s="29"/>
      <c r="K614" s="86"/>
      <c r="L614" s="87"/>
      <c r="M614" s="12"/>
      <c r="N614" s="28"/>
      <c r="P614" s="29"/>
    </row>
    <row r="615" spans="1:16" ht="16.5" customHeight="1" x14ac:dyDescent="0.25">
      <c r="A615" s="48"/>
      <c r="B615" s="39"/>
      <c r="C615" s="39"/>
      <c r="D615" s="39"/>
      <c r="E615" s="39"/>
      <c r="F615" s="39"/>
      <c r="G615" s="39"/>
      <c r="H615" s="39"/>
      <c r="I615" s="39"/>
      <c r="J615" s="29"/>
      <c r="L615" s="69"/>
      <c r="M615" s="12"/>
      <c r="N615" s="28"/>
      <c r="P615" s="29"/>
    </row>
    <row r="616" spans="1:16" ht="16.5" customHeight="1" x14ac:dyDescent="0.25">
      <c r="A616" s="48"/>
      <c r="B616" s="39"/>
      <c r="C616" s="39"/>
      <c r="D616" s="39"/>
      <c r="E616" s="39"/>
      <c r="F616" s="39"/>
      <c r="G616" s="39"/>
      <c r="H616" s="39"/>
      <c r="I616" s="39"/>
      <c r="J616" s="29"/>
      <c r="L616" s="69"/>
      <c r="M616" s="12"/>
      <c r="N616" s="28"/>
      <c r="P616" s="29"/>
    </row>
    <row r="617" spans="1:16" ht="16.5" customHeight="1" x14ac:dyDescent="0.25">
      <c r="A617" s="48"/>
      <c r="B617" s="39"/>
      <c r="C617" s="39"/>
      <c r="D617" s="39"/>
      <c r="E617" s="39"/>
      <c r="F617" s="39"/>
      <c r="G617" s="39"/>
      <c r="H617" s="39"/>
      <c r="I617" s="39"/>
      <c r="J617" s="29"/>
      <c r="L617" s="69"/>
      <c r="M617" s="12"/>
      <c r="N617" s="28"/>
      <c r="P617" s="29"/>
    </row>
    <row r="618" spans="1:16" ht="16.5" customHeight="1" x14ac:dyDescent="0.25">
      <c r="A618" s="48"/>
      <c r="B618" s="39"/>
      <c r="C618" s="39"/>
      <c r="D618" s="39"/>
      <c r="E618" s="39"/>
      <c r="F618" s="39"/>
      <c r="G618" s="39"/>
      <c r="H618" s="39"/>
      <c r="I618" s="39"/>
      <c r="J618" s="29"/>
      <c r="L618" s="69"/>
      <c r="M618" s="12"/>
      <c r="N618" s="28"/>
      <c r="P618" s="29"/>
    </row>
    <row r="619" spans="1:16" ht="16.5" customHeight="1" x14ac:dyDescent="0.25">
      <c r="A619" s="48"/>
      <c r="B619" s="39"/>
      <c r="C619" s="39"/>
      <c r="D619" s="39"/>
      <c r="E619" s="39"/>
      <c r="F619" s="39"/>
      <c r="G619" s="39"/>
      <c r="H619" s="39"/>
      <c r="I619" s="39"/>
      <c r="J619" s="29"/>
      <c r="L619" s="69"/>
      <c r="M619" s="12"/>
      <c r="N619" s="28"/>
      <c r="P619" s="29"/>
    </row>
    <row r="620" spans="1:16" ht="16.5" customHeight="1" x14ac:dyDescent="0.25">
      <c r="A620" s="48"/>
      <c r="B620" s="39"/>
      <c r="C620" s="39"/>
      <c r="D620" s="39"/>
      <c r="E620" s="39"/>
      <c r="F620" s="39"/>
      <c r="G620" s="39"/>
      <c r="H620" s="39"/>
      <c r="I620" s="39"/>
      <c r="J620" s="29"/>
      <c r="L620" s="69"/>
      <c r="M620" s="12"/>
      <c r="N620" s="28"/>
      <c r="P620" s="29"/>
    </row>
    <row r="621" spans="1:16" ht="16.5" customHeight="1" x14ac:dyDescent="0.25">
      <c r="A621" s="48"/>
      <c r="B621" s="39"/>
      <c r="C621" s="39"/>
      <c r="D621" s="39"/>
      <c r="E621" s="39"/>
      <c r="F621" s="39"/>
      <c r="G621" s="39"/>
      <c r="H621" s="39"/>
      <c r="I621" s="39"/>
      <c r="J621" s="29"/>
      <c r="L621" s="69"/>
      <c r="M621" s="12"/>
      <c r="N621" s="28"/>
      <c r="P621" s="29"/>
    </row>
    <row r="622" spans="1:16" ht="16.5" customHeight="1" x14ac:dyDescent="0.25">
      <c r="A622" s="48"/>
      <c r="B622" s="39"/>
      <c r="C622" s="39"/>
      <c r="D622" s="39"/>
      <c r="E622" s="39"/>
      <c r="F622" s="39"/>
      <c r="G622" s="39"/>
      <c r="H622" s="39"/>
      <c r="I622" s="39"/>
      <c r="J622" s="29"/>
      <c r="L622" s="69"/>
      <c r="M622" s="12"/>
      <c r="N622" s="28"/>
      <c r="P622" s="29"/>
    </row>
    <row r="623" spans="1:16" ht="16.5" customHeight="1" x14ac:dyDescent="0.25">
      <c r="A623" s="48"/>
      <c r="B623" s="39"/>
      <c r="C623" s="39"/>
      <c r="D623" s="39"/>
      <c r="E623" s="39"/>
      <c r="F623" s="39"/>
      <c r="G623" s="39"/>
      <c r="H623" s="39"/>
      <c r="I623" s="39"/>
      <c r="J623" s="29"/>
      <c r="L623" s="69"/>
      <c r="M623" s="12"/>
      <c r="N623" s="28"/>
      <c r="P623" s="29"/>
    </row>
    <row r="624" spans="1:16" ht="16.5" customHeight="1" x14ac:dyDescent="0.25">
      <c r="A624" s="48"/>
      <c r="B624" s="39"/>
      <c r="C624" s="39"/>
      <c r="D624" s="39"/>
      <c r="E624" s="39"/>
      <c r="F624" s="39"/>
      <c r="G624" s="39"/>
      <c r="H624" s="39"/>
      <c r="I624" s="39"/>
      <c r="J624" s="29"/>
      <c r="L624" s="69"/>
      <c r="M624" s="12"/>
      <c r="N624" s="28"/>
      <c r="P624" s="29"/>
    </row>
    <row r="625" spans="1:16" ht="16.5" customHeight="1" x14ac:dyDescent="0.25">
      <c r="A625" s="48"/>
      <c r="B625" s="39"/>
      <c r="C625" s="39"/>
      <c r="D625" s="39"/>
      <c r="E625" s="39"/>
      <c r="F625" s="39"/>
      <c r="G625" s="39"/>
      <c r="H625" s="39"/>
      <c r="I625" s="39"/>
      <c r="J625" s="29"/>
      <c r="L625" s="69"/>
      <c r="M625" s="12"/>
      <c r="N625" s="28"/>
      <c r="P625" s="29"/>
    </row>
    <row r="626" spans="1:16" ht="16.5" customHeight="1" x14ac:dyDescent="0.25">
      <c r="A626" s="48"/>
      <c r="B626" s="39"/>
      <c r="C626" s="39"/>
      <c r="D626" s="39"/>
      <c r="E626" s="39"/>
      <c r="F626" s="39"/>
      <c r="G626" s="39"/>
      <c r="H626" s="39"/>
      <c r="I626" s="39"/>
      <c r="J626" s="29"/>
      <c r="L626" s="69"/>
      <c r="M626" s="12"/>
      <c r="N626" s="28"/>
      <c r="P626" s="29"/>
    </row>
    <row r="627" spans="1:16" ht="16.5" customHeight="1" x14ac:dyDescent="0.25">
      <c r="A627" s="48"/>
      <c r="B627" s="39"/>
      <c r="C627" s="39"/>
      <c r="D627" s="39"/>
      <c r="E627" s="39"/>
      <c r="F627" s="39"/>
      <c r="G627" s="39"/>
      <c r="H627" s="39"/>
      <c r="I627" s="39"/>
      <c r="J627" s="29"/>
      <c r="L627" s="69"/>
      <c r="M627" s="12"/>
      <c r="N627" s="28"/>
      <c r="P627" s="29"/>
    </row>
    <row r="628" spans="1:16" ht="16.5" customHeight="1" x14ac:dyDescent="0.25">
      <c r="A628" s="48"/>
      <c r="B628" s="39"/>
      <c r="C628" s="39"/>
      <c r="D628" s="39"/>
      <c r="E628" s="39"/>
      <c r="F628" s="39"/>
      <c r="G628" s="39"/>
      <c r="H628" s="39"/>
      <c r="I628" s="39"/>
      <c r="J628" s="29"/>
      <c r="L628" s="69"/>
      <c r="M628" s="12"/>
      <c r="N628" s="28"/>
      <c r="P628" s="29"/>
    </row>
    <row r="629" spans="1:16" ht="16.5" customHeight="1" x14ac:dyDescent="0.25">
      <c r="A629" s="48"/>
      <c r="B629" s="39"/>
      <c r="C629" s="39"/>
      <c r="D629" s="39"/>
      <c r="E629" s="39"/>
      <c r="F629" s="39"/>
      <c r="G629" s="39"/>
      <c r="H629" s="39"/>
      <c r="I629" s="39"/>
      <c r="J629" s="29"/>
      <c r="L629" s="69"/>
      <c r="M629" s="12"/>
      <c r="N629" s="28"/>
      <c r="P629" s="29"/>
    </row>
    <row r="630" spans="1:16" ht="16.5" customHeight="1" x14ac:dyDescent="0.25">
      <c r="A630" s="48"/>
      <c r="B630" s="39"/>
      <c r="C630" s="39"/>
      <c r="D630" s="39"/>
      <c r="E630" s="39"/>
      <c r="F630" s="39"/>
      <c r="G630" s="39"/>
      <c r="H630" s="39"/>
      <c r="I630" s="39"/>
      <c r="J630" s="29"/>
      <c r="L630" s="69"/>
      <c r="M630" s="12"/>
      <c r="N630" s="28"/>
      <c r="P630" s="29"/>
    </row>
    <row r="631" spans="1:16" ht="16.5" customHeight="1" x14ac:dyDescent="0.25">
      <c r="A631" s="48"/>
      <c r="B631" s="39"/>
      <c r="C631" s="39"/>
      <c r="D631" s="39"/>
      <c r="E631" s="39"/>
      <c r="F631" s="39"/>
      <c r="G631" s="39"/>
      <c r="H631" s="39"/>
      <c r="I631" s="39"/>
      <c r="J631" s="29"/>
      <c r="L631" s="69"/>
      <c r="M631" s="12"/>
      <c r="N631" s="28"/>
      <c r="P631" s="29"/>
    </row>
    <row r="632" spans="1:16" ht="16.5" customHeight="1" x14ac:dyDescent="0.25">
      <c r="A632" s="48"/>
      <c r="B632" s="39"/>
      <c r="C632" s="39"/>
      <c r="D632" s="39"/>
      <c r="E632" s="39"/>
      <c r="F632" s="39"/>
      <c r="G632" s="39"/>
      <c r="H632" s="39"/>
      <c r="I632" s="39"/>
      <c r="J632" s="29"/>
      <c r="L632" s="69"/>
      <c r="M632" s="12"/>
      <c r="N632" s="28"/>
      <c r="P632" s="29"/>
    </row>
    <row r="633" spans="1:16" ht="16.5" customHeight="1" x14ac:dyDescent="0.25">
      <c r="A633" s="48"/>
      <c r="B633" s="39"/>
      <c r="C633" s="39"/>
      <c r="D633" s="39"/>
      <c r="E633" s="39"/>
      <c r="F633" s="39"/>
      <c r="G633" s="39"/>
      <c r="H633" s="39"/>
      <c r="I633" s="39"/>
      <c r="J633" s="29"/>
      <c r="L633" s="69"/>
      <c r="M633" s="12"/>
      <c r="N633" s="28"/>
      <c r="P633" s="29"/>
    </row>
    <row r="634" spans="1:16" ht="16.5" customHeight="1" x14ac:dyDescent="0.25">
      <c r="A634" s="48"/>
      <c r="B634" s="39"/>
      <c r="C634" s="39"/>
      <c r="D634" s="39"/>
      <c r="E634" s="39"/>
      <c r="F634" s="39"/>
      <c r="G634" s="39"/>
      <c r="H634" s="39"/>
      <c r="I634" s="39"/>
      <c r="J634" s="29"/>
      <c r="L634" s="69"/>
      <c r="M634" s="12"/>
      <c r="N634" s="28"/>
      <c r="P634" s="29"/>
    </row>
    <row r="635" spans="1:16" ht="16.5" customHeight="1" x14ac:dyDescent="0.25">
      <c r="A635" s="48"/>
      <c r="B635" s="39"/>
      <c r="C635" s="39"/>
      <c r="D635" s="39"/>
      <c r="E635" s="39"/>
      <c r="F635" s="39"/>
      <c r="G635" s="39"/>
      <c r="H635" s="39"/>
      <c r="I635" s="39"/>
      <c r="J635" s="29"/>
      <c r="L635" s="69"/>
      <c r="M635" s="12"/>
      <c r="N635" s="28"/>
      <c r="P635" s="29"/>
    </row>
    <row r="636" spans="1:16" ht="16.5" customHeight="1" x14ac:dyDescent="0.25">
      <c r="A636" s="48"/>
      <c r="B636" s="39"/>
      <c r="C636" s="39"/>
      <c r="D636" s="39"/>
      <c r="E636" s="39"/>
      <c r="F636" s="39"/>
      <c r="G636" s="39"/>
      <c r="H636" s="39"/>
      <c r="I636" s="39"/>
      <c r="J636" s="29"/>
      <c r="L636" s="69"/>
      <c r="M636" s="12"/>
      <c r="N636" s="28"/>
      <c r="P636" s="29"/>
    </row>
    <row r="637" spans="1:16" ht="16.5" customHeight="1" x14ac:dyDescent="0.25">
      <c r="A637" s="48"/>
      <c r="B637" s="39"/>
      <c r="C637" s="39"/>
      <c r="D637" s="39"/>
      <c r="E637" s="39"/>
      <c r="F637" s="39"/>
      <c r="G637" s="39"/>
      <c r="H637" s="39"/>
      <c r="I637" s="39"/>
      <c r="J637" s="29"/>
      <c r="L637" s="69"/>
      <c r="M637" s="12"/>
      <c r="N637" s="28"/>
      <c r="P637" s="29"/>
    </row>
    <row r="638" spans="1:16" ht="16.5" customHeight="1" x14ac:dyDescent="0.25">
      <c r="A638" s="48"/>
      <c r="B638" s="39"/>
      <c r="C638" s="39"/>
      <c r="D638" s="39"/>
      <c r="E638" s="39"/>
      <c r="F638" s="39"/>
      <c r="G638" s="39"/>
      <c r="H638" s="39"/>
      <c r="I638" s="39"/>
      <c r="J638" s="29"/>
      <c r="L638" s="69"/>
      <c r="M638" s="12"/>
      <c r="N638" s="28"/>
      <c r="P638" s="29"/>
    </row>
    <row r="639" spans="1:16" ht="16.5" customHeight="1" x14ac:dyDescent="0.25">
      <c r="A639" s="48"/>
      <c r="B639" s="39"/>
      <c r="C639" s="39"/>
      <c r="D639" s="39"/>
      <c r="E639" s="39"/>
      <c r="F639" s="39"/>
      <c r="G639" s="39"/>
      <c r="H639" s="39"/>
      <c r="I639" s="39"/>
      <c r="J639" s="29"/>
      <c r="L639" s="69"/>
      <c r="M639" s="12"/>
      <c r="N639" s="28"/>
      <c r="P639" s="29"/>
    </row>
    <row r="640" spans="1:16" ht="16.5" customHeight="1" x14ac:dyDescent="0.25">
      <c r="A640" s="48"/>
      <c r="B640" s="39"/>
      <c r="C640" s="39"/>
      <c r="D640" s="39"/>
      <c r="E640" s="39"/>
      <c r="F640" s="39"/>
      <c r="G640" s="39"/>
      <c r="H640" s="39"/>
      <c r="I640" s="39"/>
      <c r="J640" s="29"/>
      <c r="L640" s="69"/>
      <c r="M640" s="12"/>
      <c r="N640" s="28"/>
      <c r="P640" s="29"/>
    </row>
    <row r="641" spans="1:16" ht="16.5" customHeight="1" x14ac:dyDescent="0.25">
      <c r="A641" s="48"/>
      <c r="B641" s="39"/>
      <c r="C641" s="39"/>
      <c r="D641" s="39"/>
      <c r="E641" s="39"/>
      <c r="F641" s="39"/>
      <c r="G641" s="39"/>
      <c r="H641" s="39"/>
      <c r="I641" s="39"/>
      <c r="J641" s="29"/>
      <c r="L641" s="69"/>
      <c r="M641" s="12"/>
      <c r="N641" s="28"/>
      <c r="P641" s="29"/>
    </row>
    <row r="642" spans="1:16" ht="16.5" customHeight="1" x14ac:dyDescent="0.25">
      <c r="A642" s="48"/>
      <c r="B642" s="39"/>
      <c r="C642" s="39"/>
      <c r="D642" s="39"/>
      <c r="E642" s="39"/>
      <c r="F642" s="39"/>
      <c r="G642" s="39"/>
      <c r="H642" s="39"/>
      <c r="I642" s="39"/>
      <c r="J642" s="29"/>
      <c r="L642" s="69"/>
      <c r="M642" s="12"/>
      <c r="N642" s="28"/>
      <c r="P642" s="29"/>
    </row>
    <row r="643" spans="1:16" ht="16.5" customHeight="1" x14ac:dyDescent="0.25">
      <c r="A643" s="48"/>
      <c r="B643" s="39"/>
      <c r="C643" s="39"/>
      <c r="D643" s="39"/>
      <c r="E643" s="39"/>
      <c r="F643" s="39"/>
      <c r="G643" s="39"/>
      <c r="H643" s="39"/>
      <c r="I643" s="39"/>
      <c r="J643" s="29"/>
      <c r="L643" s="69"/>
      <c r="M643" s="12"/>
      <c r="N643" s="28"/>
      <c r="P643" s="29"/>
    </row>
    <row r="644" spans="1:16" ht="16.5" customHeight="1" x14ac:dyDescent="0.25">
      <c r="A644" s="48"/>
      <c r="B644" s="39"/>
      <c r="C644" s="39"/>
      <c r="D644" s="39"/>
      <c r="E644" s="39"/>
      <c r="F644" s="39"/>
      <c r="G644" s="39"/>
      <c r="H644" s="39"/>
      <c r="I644" s="39"/>
      <c r="J644" s="29"/>
      <c r="L644" s="69"/>
      <c r="M644" s="12"/>
      <c r="N644" s="28"/>
      <c r="P644" s="29"/>
    </row>
    <row r="645" spans="1:16" ht="16.5" customHeight="1" x14ac:dyDescent="0.25">
      <c r="A645" s="48"/>
      <c r="B645" s="39"/>
      <c r="C645" s="39"/>
      <c r="D645" s="39"/>
      <c r="E645" s="39"/>
      <c r="F645" s="39"/>
      <c r="G645" s="39"/>
      <c r="H645" s="39"/>
      <c r="I645" s="39"/>
      <c r="J645" s="29"/>
      <c r="L645" s="69"/>
      <c r="M645" s="12"/>
      <c r="N645" s="28"/>
      <c r="P645" s="29"/>
    </row>
    <row r="646" spans="1:16" ht="16.5" customHeight="1" x14ac:dyDescent="0.25">
      <c r="A646" s="48"/>
      <c r="B646" s="39"/>
      <c r="C646" s="39"/>
      <c r="D646" s="39"/>
      <c r="E646" s="39"/>
      <c r="F646" s="39"/>
      <c r="G646" s="39"/>
      <c r="H646" s="39"/>
      <c r="I646" s="39"/>
      <c r="J646" s="29"/>
      <c r="L646" s="69"/>
      <c r="M646" s="12"/>
      <c r="N646" s="28"/>
      <c r="P646" s="29"/>
    </row>
    <row r="647" spans="1:16" ht="16.5" customHeight="1" x14ac:dyDescent="0.25">
      <c r="A647" s="48"/>
      <c r="B647" s="39"/>
      <c r="C647" s="39"/>
      <c r="D647" s="39"/>
      <c r="E647" s="39"/>
      <c r="F647" s="39"/>
      <c r="G647" s="39"/>
      <c r="H647" s="39"/>
      <c r="I647" s="39"/>
      <c r="J647" s="29"/>
      <c r="L647" s="69"/>
      <c r="M647" s="12"/>
      <c r="N647" s="28"/>
      <c r="P647" s="29"/>
    </row>
    <row r="648" spans="1:16" ht="16.5" customHeight="1" x14ac:dyDescent="0.25">
      <c r="A648" s="58"/>
      <c r="B648" s="59"/>
      <c r="C648" s="59"/>
      <c r="D648" s="59"/>
      <c r="E648" s="59"/>
      <c r="F648" s="59"/>
      <c r="G648" s="59"/>
      <c r="H648" s="59"/>
      <c r="I648" s="59"/>
      <c r="J648" s="32"/>
      <c r="K648" s="74"/>
      <c r="L648" s="75"/>
      <c r="M648" s="13"/>
      <c r="N648" s="30"/>
      <c r="O648" s="31"/>
      <c r="P648" s="32"/>
    </row>
    <row r="649" spans="1:16" ht="16.5" customHeight="1" x14ac:dyDescent="0.25">
      <c r="A649" s="48" t="s">
        <v>314</v>
      </c>
      <c r="B649" s="39"/>
      <c r="C649" s="39"/>
      <c r="D649" s="39"/>
      <c r="E649" s="39"/>
      <c r="F649" s="39"/>
      <c r="G649" s="39"/>
      <c r="H649" s="39"/>
      <c r="I649" s="39"/>
      <c r="J649" s="29"/>
      <c r="L649" s="69"/>
      <c r="M649" s="12"/>
      <c r="N649" s="28"/>
      <c r="P649" s="29"/>
    </row>
    <row r="650" spans="1:16" ht="16.5" customHeight="1" x14ac:dyDescent="0.25">
      <c r="A650" s="48"/>
      <c r="B650" s="39" t="s">
        <v>106</v>
      </c>
      <c r="C650" s="39"/>
      <c r="D650" s="39"/>
      <c r="E650" s="39"/>
      <c r="F650" s="39"/>
      <c r="G650" s="39"/>
      <c r="H650" s="39"/>
      <c r="I650" s="39"/>
      <c r="J650" s="29"/>
      <c r="K650" s="86" t="s">
        <v>101</v>
      </c>
      <c r="L650" s="87" t="s">
        <v>101</v>
      </c>
      <c r="M650" s="12"/>
      <c r="N650" s="28"/>
      <c r="P650" s="29"/>
    </row>
    <row r="651" spans="1:16" ht="16.5" customHeight="1" x14ac:dyDescent="0.25">
      <c r="A651" s="48"/>
      <c r="B651" s="39" t="s">
        <v>105</v>
      </c>
      <c r="C651" s="39"/>
      <c r="D651" s="39"/>
      <c r="E651" s="39"/>
      <c r="F651" s="39"/>
      <c r="G651" s="39"/>
      <c r="H651" s="39"/>
      <c r="I651" s="39"/>
      <c r="J651" s="29"/>
      <c r="L651" s="69"/>
      <c r="M651" s="12"/>
      <c r="N651" s="28"/>
      <c r="P651" s="29"/>
    </row>
    <row r="652" spans="1:16" ht="16.5" customHeight="1" x14ac:dyDescent="0.25">
      <c r="A652" s="48"/>
      <c r="B652" s="39" t="s">
        <v>107</v>
      </c>
      <c r="C652" s="39"/>
      <c r="D652" s="39"/>
      <c r="E652" s="39"/>
      <c r="F652" s="39"/>
      <c r="G652" s="39"/>
      <c r="H652" s="39"/>
      <c r="I652" s="39"/>
      <c r="J652" s="29"/>
      <c r="K652" s="86" t="s">
        <v>101</v>
      </c>
      <c r="L652" s="87" t="s">
        <v>101</v>
      </c>
      <c r="M652" s="12"/>
      <c r="N652" s="28"/>
      <c r="P652" s="29"/>
    </row>
    <row r="653" spans="1:16" ht="16.5" customHeight="1" x14ac:dyDescent="0.25">
      <c r="A653" s="48"/>
      <c r="B653" s="39" t="s">
        <v>54</v>
      </c>
      <c r="C653" s="39"/>
      <c r="D653" s="39"/>
      <c r="E653" s="39"/>
      <c r="F653" s="39"/>
      <c r="G653" s="39"/>
      <c r="H653" s="39"/>
      <c r="I653" s="39"/>
      <c r="J653" s="29"/>
      <c r="L653" s="69"/>
      <c r="M653" s="12"/>
      <c r="N653" s="28"/>
      <c r="P653" s="29"/>
    </row>
    <row r="654" spans="1:16" ht="16.5" customHeight="1" x14ac:dyDescent="0.25">
      <c r="A654" s="48"/>
      <c r="B654" s="39"/>
      <c r="C654" s="39"/>
      <c r="D654" s="39"/>
      <c r="E654" s="39"/>
      <c r="F654" s="39"/>
      <c r="G654" s="39"/>
      <c r="H654" s="39"/>
      <c r="I654" s="39"/>
      <c r="J654" s="29"/>
      <c r="L654" s="69"/>
      <c r="M654" s="12"/>
      <c r="N654" s="28"/>
      <c r="P654" s="29"/>
    </row>
    <row r="655" spans="1:16" ht="16.5" customHeight="1" x14ac:dyDescent="0.25">
      <c r="A655" s="48"/>
      <c r="B655" s="39"/>
      <c r="C655" s="39"/>
      <c r="D655" s="39"/>
      <c r="E655" s="39"/>
      <c r="F655" s="39"/>
      <c r="G655" s="39"/>
      <c r="H655" s="39"/>
      <c r="I655" s="39"/>
      <c r="J655" s="29"/>
      <c r="L655" s="69"/>
      <c r="M655" s="12"/>
      <c r="N655" s="28"/>
      <c r="P655" s="29"/>
    </row>
    <row r="656" spans="1:16" ht="16.5" customHeight="1" x14ac:dyDescent="0.25">
      <c r="A656" s="48"/>
      <c r="B656" s="39"/>
      <c r="C656" s="39"/>
      <c r="D656" s="39"/>
      <c r="E656" s="39"/>
      <c r="F656" s="39"/>
      <c r="G656" s="39"/>
      <c r="H656" s="39"/>
      <c r="I656" s="39"/>
      <c r="J656" s="29"/>
      <c r="L656" s="69"/>
      <c r="M656" s="12"/>
      <c r="N656" s="28"/>
      <c r="P656" s="29"/>
    </row>
    <row r="657" spans="1:16" ht="16.5" customHeight="1" x14ac:dyDescent="0.25">
      <c r="A657" s="48"/>
      <c r="B657" s="39"/>
      <c r="C657" s="39"/>
      <c r="D657" s="39"/>
      <c r="E657" s="39"/>
      <c r="F657" s="39"/>
      <c r="G657" s="39"/>
      <c r="H657" s="39"/>
      <c r="I657" s="39"/>
      <c r="J657" s="29"/>
      <c r="L657" s="69"/>
      <c r="M657" s="12"/>
      <c r="N657" s="28"/>
      <c r="P657" s="29"/>
    </row>
    <row r="658" spans="1:16" ht="16.5" customHeight="1" x14ac:dyDescent="0.25">
      <c r="A658" s="48"/>
      <c r="B658" s="39"/>
      <c r="C658" s="39"/>
      <c r="D658" s="39"/>
      <c r="E658" s="39"/>
      <c r="F658" s="39"/>
      <c r="G658" s="39"/>
      <c r="H658" s="39"/>
      <c r="I658" s="39"/>
      <c r="J658" s="29"/>
      <c r="L658" s="69"/>
      <c r="M658" s="12"/>
      <c r="N658" s="28"/>
      <c r="P658" s="29"/>
    </row>
    <row r="659" spans="1:16" ht="16.5" customHeight="1" x14ac:dyDescent="0.25">
      <c r="A659" s="48"/>
      <c r="B659" s="39"/>
      <c r="C659" s="39"/>
      <c r="D659" s="39"/>
      <c r="E659" s="39"/>
      <c r="F659" s="39"/>
      <c r="G659" s="39"/>
      <c r="H659" s="39"/>
      <c r="I659" s="39"/>
      <c r="J659" s="29"/>
      <c r="L659" s="69"/>
      <c r="M659" s="12"/>
      <c r="N659" s="28"/>
      <c r="P659" s="29"/>
    </row>
    <row r="660" spans="1:16" ht="16.5" customHeight="1" x14ac:dyDescent="0.25">
      <c r="A660" s="48"/>
      <c r="B660" s="39"/>
      <c r="C660" s="39"/>
      <c r="D660" s="39"/>
      <c r="E660" s="39"/>
      <c r="F660" s="39"/>
      <c r="G660" s="39"/>
      <c r="H660" s="39"/>
      <c r="I660" s="39"/>
      <c r="J660" s="29"/>
      <c r="L660" s="69"/>
      <c r="M660" s="12"/>
      <c r="N660" s="28"/>
      <c r="P660" s="29"/>
    </row>
    <row r="661" spans="1:16" ht="16.5" customHeight="1" x14ac:dyDescent="0.25">
      <c r="A661" s="48"/>
      <c r="B661" s="39"/>
      <c r="C661" s="39"/>
      <c r="D661" s="39"/>
      <c r="E661" s="39"/>
      <c r="F661" s="39"/>
      <c r="G661" s="39"/>
      <c r="H661" s="39"/>
      <c r="I661" s="39"/>
      <c r="J661" s="29"/>
      <c r="L661" s="69"/>
      <c r="M661" s="12"/>
      <c r="N661" s="28"/>
      <c r="P661" s="29"/>
    </row>
    <row r="662" spans="1:16" ht="16.5" customHeight="1" x14ac:dyDescent="0.25">
      <c r="A662" s="48"/>
      <c r="B662" s="39"/>
      <c r="C662" s="39"/>
      <c r="D662" s="39"/>
      <c r="E662" s="39"/>
      <c r="F662" s="39"/>
      <c r="G662" s="39"/>
      <c r="H662" s="39"/>
      <c r="I662" s="39"/>
      <c r="J662" s="29"/>
      <c r="L662" s="69"/>
      <c r="M662" s="12"/>
      <c r="N662" s="28"/>
      <c r="P662" s="29"/>
    </row>
    <row r="663" spans="1:16" ht="16.5" customHeight="1" x14ac:dyDescent="0.25">
      <c r="A663" s="48"/>
      <c r="B663" s="39"/>
      <c r="C663" s="39"/>
      <c r="D663" s="39"/>
      <c r="E663" s="39"/>
      <c r="F663" s="39"/>
      <c r="G663" s="39"/>
      <c r="H663" s="39"/>
      <c r="I663" s="39"/>
      <c r="J663" s="29"/>
      <c r="L663" s="69"/>
      <c r="M663" s="12"/>
      <c r="N663" s="28"/>
      <c r="P663" s="29"/>
    </row>
    <row r="664" spans="1:16" ht="16.5" customHeight="1" x14ac:dyDescent="0.25">
      <c r="A664" s="46" t="s">
        <v>315</v>
      </c>
      <c r="B664" s="47"/>
      <c r="C664" s="47"/>
      <c r="D664" s="47"/>
      <c r="E664" s="47"/>
      <c r="F664" s="47"/>
      <c r="G664" s="47"/>
      <c r="H664" s="47"/>
      <c r="I664" s="47"/>
      <c r="J664" s="27"/>
      <c r="K664" s="72"/>
      <c r="L664" s="73"/>
      <c r="M664" s="11" t="s">
        <v>280</v>
      </c>
      <c r="N664" s="25"/>
      <c r="O664" s="26"/>
      <c r="P664" s="27"/>
    </row>
    <row r="665" spans="1:16" ht="16.5" customHeight="1" x14ac:dyDescent="0.25">
      <c r="A665" s="48"/>
      <c r="B665" s="39" t="s">
        <v>108</v>
      </c>
      <c r="C665" s="39"/>
      <c r="D665" s="39"/>
      <c r="E665" s="39"/>
      <c r="F665" s="39"/>
      <c r="G665" s="39"/>
      <c r="H665" s="39"/>
      <c r="I665" s="39"/>
      <c r="J665" s="29"/>
      <c r="K665" s="86" t="s">
        <v>101</v>
      </c>
      <c r="L665" s="87" t="s">
        <v>101</v>
      </c>
      <c r="M665" s="12" t="s">
        <v>281</v>
      </c>
      <c r="N665" s="28"/>
      <c r="P665" s="29"/>
    </row>
    <row r="666" spans="1:16" ht="16.5" customHeight="1" x14ac:dyDescent="0.25">
      <c r="A666" s="48"/>
      <c r="B666" s="39" t="s">
        <v>110</v>
      </c>
      <c r="C666" s="39"/>
      <c r="D666" s="39"/>
      <c r="E666" s="39"/>
      <c r="F666" s="39"/>
      <c r="G666" s="39"/>
      <c r="H666" s="39"/>
      <c r="I666" s="39"/>
      <c r="J666" s="29"/>
      <c r="L666" s="69"/>
      <c r="M666" s="12"/>
      <c r="N666" s="28"/>
      <c r="P666" s="29"/>
    </row>
    <row r="667" spans="1:16" ht="16.5" customHeight="1" x14ac:dyDescent="0.25">
      <c r="A667" s="48"/>
      <c r="B667" s="39" t="s">
        <v>109</v>
      </c>
      <c r="C667" s="39"/>
      <c r="D667" s="39"/>
      <c r="E667" s="39"/>
      <c r="F667" s="39"/>
      <c r="G667" s="39"/>
      <c r="H667" s="39"/>
      <c r="I667" s="39"/>
      <c r="J667" s="29"/>
      <c r="L667" s="69"/>
      <c r="M667" s="12"/>
      <c r="N667" s="28"/>
      <c r="P667" s="29"/>
    </row>
    <row r="668" spans="1:16" ht="16.5" customHeight="1" x14ac:dyDescent="0.25">
      <c r="A668" s="48"/>
      <c r="B668" s="39" t="s">
        <v>112</v>
      </c>
      <c r="C668" s="39"/>
      <c r="D668" s="39"/>
      <c r="E668" s="39"/>
      <c r="F668" s="39"/>
      <c r="G668" s="39"/>
      <c r="H668" s="39"/>
      <c r="I668" s="39"/>
      <c r="J668" s="29"/>
      <c r="K668" s="86" t="s">
        <v>101</v>
      </c>
      <c r="L668" s="87" t="s">
        <v>101</v>
      </c>
      <c r="M668" s="12"/>
      <c r="N668" s="28"/>
      <c r="P668" s="29"/>
    </row>
    <row r="669" spans="1:16" ht="16.5" customHeight="1" x14ac:dyDescent="0.25">
      <c r="A669" s="48"/>
      <c r="B669" s="39" t="s">
        <v>111</v>
      </c>
      <c r="C669" s="39"/>
      <c r="D669" s="39"/>
      <c r="E669" s="39"/>
      <c r="F669" s="39"/>
      <c r="G669" s="39"/>
      <c r="H669" s="39"/>
      <c r="I669" s="39"/>
      <c r="J669" s="29"/>
      <c r="L669" s="69"/>
      <c r="M669" s="12"/>
      <c r="N669" s="28"/>
      <c r="P669" s="29"/>
    </row>
    <row r="670" spans="1:16" ht="16.5" customHeight="1" x14ac:dyDescent="0.25">
      <c r="A670" s="48"/>
      <c r="B670" s="39" t="s">
        <v>114</v>
      </c>
      <c r="C670" s="39"/>
      <c r="D670" s="39"/>
      <c r="E670" s="39"/>
      <c r="F670" s="39"/>
      <c r="G670" s="39"/>
      <c r="H670" s="39"/>
      <c r="I670" s="39"/>
      <c r="J670" s="29"/>
      <c r="K670" s="86" t="s">
        <v>101</v>
      </c>
      <c r="L670" s="87" t="s">
        <v>101</v>
      </c>
      <c r="M670" s="12"/>
      <c r="N670" s="28"/>
      <c r="P670" s="29"/>
    </row>
    <row r="671" spans="1:16" ht="16.5" customHeight="1" x14ac:dyDescent="0.25">
      <c r="A671" s="48"/>
      <c r="B671" s="39" t="s">
        <v>113</v>
      </c>
      <c r="C671" s="39"/>
      <c r="D671" s="39"/>
      <c r="E671" s="39"/>
      <c r="F671" s="39"/>
      <c r="G671" s="39"/>
      <c r="H671" s="39"/>
      <c r="I671" s="39"/>
      <c r="J671" s="29"/>
      <c r="L671" s="69"/>
      <c r="M671" s="12"/>
      <c r="N671" s="28"/>
      <c r="P671" s="29"/>
    </row>
    <row r="672" spans="1:16" ht="16.5" customHeight="1" x14ac:dyDescent="0.25">
      <c r="A672" s="48"/>
      <c r="B672" s="39" t="s">
        <v>90</v>
      </c>
      <c r="C672" s="39"/>
      <c r="D672" s="39"/>
      <c r="E672" s="39"/>
      <c r="F672" s="39"/>
      <c r="G672" s="39"/>
      <c r="H672" s="39"/>
      <c r="I672" s="39"/>
      <c r="J672" s="29"/>
      <c r="K672" s="86" t="s">
        <v>101</v>
      </c>
      <c r="L672" s="87" t="s">
        <v>101</v>
      </c>
      <c r="M672" s="12"/>
      <c r="N672" s="28"/>
      <c r="P672" s="29"/>
    </row>
    <row r="673" spans="1:16" ht="16.5" customHeight="1" x14ac:dyDescent="0.25">
      <c r="A673" s="48"/>
      <c r="B673" s="39" t="s">
        <v>277</v>
      </c>
      <c r="C673" s="39"/>
      <c r="D673" s="39"/>
      <c r="E673" s="39"/>
      <c r="F673" s="39"/>
      <c r="G673" s="39"/>
      <c r="H673" s="39"/>
      <c r="I673" s="39"/>
      <c r="J673" s="29"/>
      <c r="K673" s="86" t="s">
        <v>101</v>
      </c>
      <c r="L673" s="87" t="s">
        <v>101</v>
      </c>
      <c r="M673" s="12"/>
      <c r="N673" s="28"/>
      <c r="P673" s="29"/>
    </row>
    <row r="674" spans="1:16" ht="16.5" customHeight="1" x14ac:dyDescent="0.25">
      <c r="A674" s="48"/>
      <c r="B674" s="39" t="s">
        <v>278</v>
      </c>
      <c r="C674" s="39"/>
      <c r="D674" s="39"/>
      <c r="E674" s="39"/>
      <c r="F674" s="39"/>
      <c r="G674" s="39"/>
      <c r="H674" s="39"/>
      <c r="I674" s="39"/>
      <c r="J674" s="29"/>
      <c r="K674" s="86" t="s">
        <v>101</v>
      </c>
      <c r="L674" s="87" t="s">
        <v>101</v>
      </c>
      <c r="M674" s="12"/>
      <c r="N674" s="28"/>
      <c r="P674" s="29"/>
    </row>
    <row r="675" spans="1:16" ht="16.5" customHeight="1" x14ac:dyDescent="0.25">
      <c r="A675" s="48"/>
      <c r="B675" s="39" t="s">
        <v>279</v>
      </c>
      <c r="C675" s="39"/>
      <c r="D675" s="39"/>
      <c r="E675" s="39"/>
      <c r="F675" s="39"/>
      <c r="G675" s="39"/>
      <c r="H675" s="39"/>
      <c r="I675" s="39"/>
      <c r="J675" s="29"/>
      <c r="L675" s="69"/>
      <c r="M675" s="12"/>
      <c r="N675" s="28"/>
      <c r="P675" s="29"/>
    </row>
    <row r="676" spans="1:16" ht="16.5" customHeight="1" x14ac:dyDescent="0.25">
      <c r="A676" s="48"/>
      <c r="B676" s="39"/>
      <c r="C676" s="39"/>
      <c r="D676" s="39"/>
      <c r="E676" s="39"/>
      <c r="F676" s="39"/>
      <c r="G676" s="39"/>
      <c r="H676" s="39"/>
      <c r="I676" s="39"/>
      <c r="J676" s="29"/>
      <c r="L676" s="69"/>
      <c r="M676" s="12"/>
      <c r="N676" s="28"/>
      <c r="P676" s="29"/>
    </row>
    <row r="677" spans="1:16" ht="16.5" customHeight="1" x14ac:dyDescent="0.25">
      <c r="A677" s="48"/>
      <c r="B677" s="39"/>
      <c r="C677" s="39"/>
      <c r="D677" s="39"/>
      <c r="E677" s="39"/>
      <c r="F677" s="39"/>
      <c r="G677" s="39"/>
      <c r="H677" s="39"/>
      <c r="I677" s="39"/>
      <c r="J677" s="29"/>
      <c r="L677" s="69"/>
      <c r="M677" s="12"/>
      <c r="N677" s="28"/>
      <c r="P677" s="29"/>
    </row>
    <row r="678" spans="1:16" ht="16.5" customHeight="1" x14ac:dyDescent="0.25">
      <c r="A678" s="48"/>
      <c r="B678" s="39"/>
      <c r="C678" s="39"/>
      <c r="D678" s="39"/>
      <c r="E678" s="39"/>
      <c r="F678" s="39"/>
      <c r="G678" s="39"/>
      <c r="H678" s="39"/>
      <c r="I678" s="39"/>
      <c r="J678" s="29"/>
      <c r="L678" s="69"/>
      <c r="M678" s="12"/>
      <c r="N678" s="28"/>
      <c r="P678" s="29"/>
    </row>
    <row r="679" spans="1:16" ht="16.5" customHeight="1" x14ac:dyDescent="0.25">
      <c r="A679" s="48"/>
      <c r="B679" s="39"/>
      <c r="C679" s="39"/>
      <c r="D679" s="39"/>
      <c r="E679" s="39"/>
      <c r="F679" s="39"/>
      <c r="G679" s="39"/>
      <c r="H679" s="39"/>
      <c r="I679" s="39"/>
      <c r="J679" s="29"/>
      <c r="L679" s="69"/>
      <c r="M679" s="12"/>
      <c r="N679" s="28"/>
      <c r="P679" s="29"/>
    </row>
    <row r="680" spans="1:16" ht="16.5" customHeight="1" x14ac:dyDescent="0.25">
      <c r="A680" s="48"/>
      <c r="B680" s="39"/>
      <c r="C680" s="39"/>
      <c r="D680" s="39"/>
      <c r="E680" s="39"/>
      <c r="F680" s="39"/>
      <c r="G680" s="39"/>
      <c r="H680" s="39"/>
      <c r="I680" s="39"/>
      <c r="J680" s="29"/>
      <c r="L680" s="69"/>
      <c r="M680" s="12"/>
      <c r="N680" s="28"/>
      <c r="P680" s="29"/>
    </row>
    <row r="681" spans="1:16" ht="16.5" customHeight="1" x14ac:dyDescent="0.25">
      <c r="A681" s="48"/>
      <c r="B681" s="39"/>
      <c r="C681" s="39"/>
      <c r="D681" s="39"/>
      <c r="E681" s="39"/>
      <c r="F681" s="39"/>
      <c r="G681" s="39"/>
      <c r="H681" s="39"/>
      <c r="I681" s="39"/>
      <c r="J681" s="29"/>
      <c r="L681" s="69"/>
      <c r="M681" s="12"/>
      <c r="N681" s="28"/>
      <c r="P681" s="29"/>
    </row>
    <row r="682" spans="1:16" ht="16.5" customHeight="1" x14ac:dyDescent="0.25">
      <c r="A682" s="48"/>
      <c r="B682" s="39"/>
      <c r="C682" s="39"/>
      <c r="D682" s="39"/>
      <c r="E682" s="39"/>
      <c r="F682" s="39"/>
      <c r="G682" s="39"/>
      <c r="H682" s="39"/>
      <c r="I682" s="39"/>
      <c r="J682" s="29"/>
      <c r="L682" s="69"/>
      <c r="M682" s="12"/>
      <c r="N682" s="28"/>
      <c r="P682" s="29"/>
    </row>
    <row r="683" spans="1:16" ht="16.5" customHeight="1" x14ac:dyDescent="0.25">
      <c r="A683" s="58"/>
      <c r="B683" s="59"/>
      <c r="C683" s="59"/>
      <c r="D683" s="59"/>
      <c r="E683" s="59"/>
      <c r="F683" s="59"/>
      <c r="G683" s="59"/>
      <c r="H683" s="59"/>
      <c r="I683" s="59"/>
      <c r="J683" s="32"/>
      <c r="K683" s="74"/>
      <c r="L683" s="75"/>
      <c r="M683" s="13"/>
      <c r="N683" s="30"/>
      <c r="O683" s="31"/>
      <c r="P683" s="32"/>
    </row>
    <row r="684" spans="1:16" ht="16.5" customHeight="1" x14ac:dyDescent="0.25">
      <c r="A684" s="46" t="s">
        <v>316</v>
      </c>
      <c r="B684" s="47"/>
      <c r="C684" s="47"/>
      <c r="D684" s="47"/>
      <c r="E684" s="47"/>
      <c r="F684" s="47"/>
      <c r="G684" s="47"/>
      <c r="H684" s="47"/>
      <c r="I684" s="47"/>
      <c r="J684" s="27"/>
      <c r="K684" s="72"/>
      <c r="L684" s="73"/>
      <c r="M684" s="11"/>
      <c r="N684" s="25"/>
      <c r="O684" s="26"/>
      <c r="P684" s="27"/>
    </row>
    <row r="685" spans="1:16" ht="16.5" customHeight="1" x14ac:dyDescent="0.25">
      <c r="A685" s="48"/>
      <c r="B685" s="39" t="s">
        <v>282</v>
      </c>
      <c r="C685" s="39"/>
      <c r="D685" s="39"/>
      <c r="E685" s="39"/>
      <c r="F685" s="39"/>
      <c r="G685" s="39"/>
      <c r="H685" s="39"/>
      <c r="I685" s="39"/>
      <c r="J685" s="29"/>
      <c r="K685" s="86" t="s">
        <v>101</v>
      </c>
      <c r="L685" s="87" t="s">
        <v>101</v>
      </c>
      <c r="M685" s="12"/>
      <c r="N685" s="28"/>
      <c r="P685" s="29"/>
    </row>
    <row r="686" spans="1:16" ht="16.5" customHeight="1" x14ac:dyDescent="0.25">
      <c r="A686" s="48"/>
      <c r="B686" s="39" t="s">
        <v>283</v>
      </c>
      <c r="C686" s="39"/>
      <c r="D686" s="39"/>
      <c r="E686" s="39"/>
      <c r="F686" s="39"/>
      <c r="G686" s="39"/>
      <c r="H686" s="39"/>
      <c r="I686" s="39"/>
      <c r="J686" s="29"/>
      <c r="L686" s="69"/>
      <c r="M686" s="12"/>
      <c r="N686" s="28"/>
      <c r="P686" s="29"/>
    </row>
    <row r="687" spans="1:16" ht="16.5" customHeight="1" x14ac:dyDescent="0.25">
      <c r="A687" s="58"/>
      <c r="B687" s="59"/>
      <c r="C687" s="59"/>
      <c r="D687" s="59"/>
      <c r="E687" s="59"/>
      <c r="F687" s="59"/>
      <c r="G687" s="59"/>
      <c r="H687" s="59"/>
      <c r="I687" s="59"/>
      <c r="J687" s="32"/>
      <c r="K687" s="74"/>
      <c r="L687" s="75"/>
      <c r="M687" s="13"/>
      <c r="N687" s="30"/>
      <c r="O687" s="31"/>
      <c r="P687" s="32"/>
    </row>
    <row r="688" spans="1:16" ht="16.5" customHeight="1" x14ac:dyDescent="0.25">
      <c r="A688" s="46" t="s">
        <v>252</v>
      </c>
      <c r="B688" s="47"/>
      <c r="C688" s="47"/>
      <c r="D688" s="47"/>
      <c r="E688" s="47"/>
      <c r="F688" s="47"/>
      <c r="G688" s="47"/>
      <c r="H688" s="47"/>
      <c r="I688" s="47"/>
      <c r="J688" s="27"/>
      <c r="K688" s="72"/>
      <c r="L688" s="73"/>
      <c r="M688" s="11" t="s">
        <v>285</v>
      </c>
      <c r="N688" s="25"/>
      <c r="O688" s="26"/>
      <c r="P688" s="27"/>
    </row>
    <row r="689" spans="1:16" ht="16.5" customHeight="1" x14ac:dyDescent="0.25">
      <c r="A689" s="48"/>
      <c r="B689" s="39" t="s">
        <v>329</v>
      </c>
      <c r="C689" s="39"/>
      <c r="D689" s="39"/>
      <c r="E689" s="39"/>
      <c r="F689" s="39"/>
      <c r="G689" s="39"/>
      <c r="H689" s="39"/>
      <c r="I689" s="39"/>
      <c r="J689" s="29"/>
      <c r="K689" s="86" t="s">
        <v>101</v>
      </c>
      <c r="L689" s="87" t="s">
        <v>101</v>
      </c>
      <c r="M689" s="12" t="s">
        <v>286</v>
      </c>
      <c r="N689" s="28"/>
      <c r="P689" s="29"/>
    </row>
    <row r="690" spans="1:16" ht="16.5" customHeight="1" x14ac:dyDescent="0.25">
      <c r="A690" s="48"/>
      <c r="B690" s="39" t="s">
        <v>603</v>
      </c>
      <c r="C690" s="39"/>
      <c r="D690" s="39"/>
      <c r="E690" s="39"/>
      <c r="F690" s="39"/>
      <c r="G690" s="39"/>
      <c r="H690" s="39"/>
      <c r="I690" s="39"/>
      <c r="J690" s="29"/>
      <c r="K690" s="86" t="s">
        <v>101</v>
      </c>
      <c r="L690" s="87" t="s">
        <v>101</v>
      </c>
      <c r="M690" s="12"/>
      <c r="N690" s="28"/>
      <c r="P690" s="29"/>
    </row>
    <row r="691" spans="1:16" ht="16.5" customHeight="1" x14ac:dyDescent="0.25">
      <c r="A691" s="48"/>
      <c r="B691" s="39" t="s">
        <v>604</v>
      </c>
      <c r="C691" s="39"/>
      <c r="D691" s="39"/>
      <c r="E691" s="39"/>
      <c r="F691" s="39"/>
      <c r="G691" s="39"/>
      <c r="H691" s="39"/>
      <c r="I691" s="39"/>
      <c r="J691" s="29"/>
      <c r="L691" s="69"/>
      <c r="M691" s="12"/>
      <c r="N691" s="28"/>
      <c r="P691" s="29"/>
    </row>
    <row r="692" spans="1:16" ht="16.5" customHeight="1" x14ac:dyDescent="0.25">
      <c r="A692" s="48"/>
      <c r="B692" s="39" t="s">
        <v>284</v>
      </c>
      <c r="C692" s="39"/>
      <c r="D692" s="39"/>
      <c r="E692" s="39"/>
      <c r="F692" s="39"/>
      <c r="G692" s="39"/>
      <c r="H692" s="39"/>
      <c r="I692" s="39"/>
      <c r="J692" s="29"/>
      <c r="K692" s="86" t="s">
        <v>101</v>
      </c>
      <c r="L692" s="87" t="s">
        <v>101</v>
      </c>
      <c r="M692" s="12"/>
      <c r="N692" s="28"/>
      <c r="P692" s="29"/>
    </row>
    <row r="693" spans="1:16" ht="16.5" customHeight="1" x14ac:dyDescent="0.25">
      <c r="A693" s="48"/>
      <c r="B693" s="39"/>
      <c r="C693" s="39"/>
      <c r="D693" s="39"/>
      <c r="E693" s="39"/>
      <c r="F693" s="39"/>
      <c r="G693" s="39"/>
      <c r="H693" s="39"/>
      <c r="I693" s="39"/>
      <c r="J693" s="29"/>
      <c r="L693" s="69"/>
      <c r="M693" s="12"/>
      <c r="N693" s="28"/>
      <c r="P693" s="29"/>
    </row>
    <row r="694" spans="1:16" ht="16.5" customHeight="1" x14ac:dyDescent="0.25">
      <c r="A694" s="48"/>
      <c r="B694" s="39"/>
      <c r="C694" s="39"/>
      <c r="D694" s="39"/>
      <c r="E694" s="39"/>
      <c r="F694" s="39"/>
      <c r="G694" s="39"/>
      <c r="H694" s="39"/>
      <c r="I694" s="39"/>
      <c r="J694" s="29"/>
      <c r="L694" s="69"/>
      <c r="M694" s="12"/>
      <c r="N694" s="28"/>
      <c r="P694" s="29"/>
    </row>
    <row r="695" spans="1:16" ht="16.5" customHeight="1" x14ac:dyDescent="0.25">
      <c r="A695" s="58"/>
      <c r="B695" s="59"/>
      <c r="C695" s="59"/>
      <c r="D695" s="59"/>
      <c r="E695" s="59"/>
      <c r="F695" s="59"/>
      <c r="G695" s="59"/>
      <c r="H695" s="59"/>
      <c r="I695" s="59"/>
      <c r="J695" s="32"/>
      <c r="K695" s="74"/>
      <c r="L695" s="75"/>
      <c r="M695" s="13"/>
      <c r="N695" s="30"/>
      <c r="O695" s="31"/>
      <c r="P695" s="32"/>
    </row>
    <row r="696" spans="1:16" ht="16.5" customHeight="1" x14ac:dyDescent="0.25">
      <c r="A696" s="48" t="s">
        <v>317</v>
      </c>
      <c r="B696" s="39"/>
      <c r="C696" s="39"/>
      <c r="D696" s="39"/>
      <c r="E696" s="39"/>
      <c r="F696" s="39"/>
      <c r="G696" s="39"/>
      <c r="H696" s="39"/>
      <c r="I696" s="39"/>
      <c r="J696" s="29"/>
      <c r="L696" s="69"/>
      <c r="M696" s="12"/>
      <c r="N696" s="28"/>
      <c r="P696" s="29"/>
    </row>
    <row r="697" spans="1:16" ht="16.5" customHeight="1" x14ac:dyDescent="0.25">
      <c r="A697" s="48"/>
      <c r="B697" s="39" t="s">
        <v>287</v>
      </c>
      <c r="C697" s="39"/>
      <c r="D697" s="39"/>
      <c r="E697" s="39"/>
      <c r="F697" s="39"/>
      <c r="G697" s="39"/>
      <c r="H697" s="39"/>
      <c r="I697" s="39"/>
      <c r="J697" s="29"/>
      <c r="K697" s="86" t="s">
        <v>101</v>
      </c>
      <c r="L697" s="87" t="s">
        <v>101</v>
      </c>
      <c r="M697" s="12" t="s">
        <v>34</v>
      </c>
      <c r="N697" s="28"/>
      <c r="P697" s="29"/>
    </row>
    <row r="698" spans="1:16" ht="16.5" customHeight="1" x14ac:dyDescent="0.25">
      <c r="A698" s="48"/>
      <c r="B698" s="39" t="s">
        <v>288</v>
      </c>
      <c r="C698" s="39"/>
      <c r="D698" s="39"/>
      <c r="E698" s="39"/>
      <c r="F698" s="39"/>
      <c r="G698" s="39"/>
      <c r="H698" s="39"/>
      <c r="I698" s="39"/>
      <c r="J698" s="29"/>
      <c r="K698" s="86" t="s">
        <v>101</v>
      </c>
      <c r="L698" s="87" t="s">
        <v>101</v>
      </c>
      <c r="M698" s="12" t="s">
        <v>507</v>
      </c>
      <c r="N698" s="28"/>
      <c r="P698" s="29"/>
    </row>
    <row r="699" spans="1:16" ht="16.5" customHeight="1" x14ac:dyDescent="0.25">
      <c r="A699" s="48"/>
      <c r="B699" s="39" t="s">
        <v>564</v>
      </c>
      <c r="C699" s="39"/>
      <c r="D699" s="39"/>
      <c r="E699" s="39"/>
      <c r="F699" s="39"/>
      <c r="G699" s="39"/>
      <c r="H699" s="39"/>
      <c r="I699" s="39"/>
      <c r="J699" s="29"/>
      <c r="L699" s="69"/>
      <c r="M699" s="12" t="s">
        <v>551</v>
      </c>
      <c r="N699" s="28"/>
      <c r="P699" s="29"/>
    </row>
    <row r="700" spans="1:16" ht="16.5" customHeight="1" x14ac:dyDescent="0.25">
      <c r="A700" s="48"/>
      <c r="B700" s="39" t="s">
        <v>289</v>
      </c>
      <c r="C700" s="39"/>
      <c r="D700" s="39"/>
      <c r="E700" s="39"/>
      <c r="F700" s="39"/>
      <c r="G700" s="39"/>
      <c r="H700" s="39"/>
      <c r="I700" s="39"/>
      <c r="J700" s="29"/>
      <c r="K700" s="86" t="s">
        <v>101</v>
      </c>
      <c r="L700" s="87" t="s">
        <v>101</v>
      </c>
      <c r="M700" s="12" t="s">
        <v>552</v>
      </c>
      <c r="N700" s="28"/>
      <c r="P700" s="29"/>
    </row>
    <row r="701" spans="1:16" ht="16.5" customHeight="1" x14ac:dyDescent="0.25">
      <c r="A701" s="48"/>
      <c r="B701" s="39" t="s">
        <v>115</v>
      </c>
      <c r="C701" s="39"/>
      <c r="D701" s="39"/>
      <c r="E701" s="39"/>
      <c r="F701" s="39"/>
      <c r="G701" s="39"/>
      <c r="H701" s="39"/>
      <c r="I701" s="39"/>
      <c r="J701" s="29"/>
      <c r="L701" s="69"/>
      <c r="M701" s="12"/>
      <c r="N701" s="28"/>
      <c r="P701" s="29"/>
    </row>
    <row r="702" spans="1:16" ht="16.5" customHeight="1" x14ac:dyDescent="0.25">
      <c r="A702" s="48"/>
      <c r="B702" s="39"/>
      <c r="C702" s="39"/>
      <c r="D702" s="39"/>
      <c r="E702" s="39"/>
      <c r="F702" s="39"/>
      <c r="G702" s="39"/>
      <c r="H702" s="39"/>
      <c r="I702" s="39"/>
      <c r="J702" s="29"/>
      <c r="L702" s="69"/>
      <c r="M702" s="12"/>
      <c r="N702" s="28"/>
      <c r="P702" s="29"/>
    </row>
    <row r="703" spans="1:16" ht="16.5" customHeight="1" x14ac:dyDescent="0.25">
      <c r="A703" s="48"/>
      <c r="B703" s="39"/>
      <c r="C703" s="39"/>
      <c r="D703" s="39"/>
      <c r="E703" s="39"/>
      <c r="F703" s="39"/>
      <c r="G703" s="39"/>
      <c r="H703" s="39"/>
      <c r="I703" s="39"/>
      <c r="J703" s="29"/>
      <c r="L703" s="69"/>
      <c r="M703" s="12"/>
      <c r="N703" s="28"/>
      <c r="P703" s="29"/>
    </row>
    <row r="704" spans="1:16" ht="16.5" customHeight="1" x14ac:dyDescent="0.25">
      <c r="A704" s="48"/>
      <c r="B704" s="39"/>
      <c r="C704" s="39"/>
      <c r="D704" s="39"/>
      <c r="E704" s="39"/>
      <c r="F704" s="39"/>
      <c r="G704" s="39"/>
      <c r="H704" s="39"/>
      <c r="I704" s="39"/>
      <c r="J704" s="29"/>
      <c r="L704" s="69"/>
      <c r="M704" s="12"/>
      <c r="N704" s="28"/>
      <c r="P704" s="29"/>
    </row>
    <row r="705" spans="1:16" ht="16.5" customHeight="1" x14ac:dyDescent="0.25">
      <c r="A705" s="48"/>
      <c r="B705" s="39"/>
      <c r="C705" s="39"/>
      <c r="D705" s="39"/>
      <c r="E705" s="39"/>
      <c r="F705" s="39"/>
      <c r="G705" s="39"/>
      <c r="H705" s="39"/>
      <c r="I705" s="39"/>
      <c r="J705" s="29"/>
      <c r="L705" s="69"/>
      <c r="M705" s="12"/>
      <c r="N705" s="28"/>
      <c r="P705" s="29"/>
    </row>
    <row r="706" spans="1:16" ht="16.5" customHeight="1" x14ac:dyDescent="0.25">
      <c r="A706" s="48"/>
      <c r="B706" s="39"/>
      <c r="C706" s="39"/>
      <c r="D706" s="39"/>
      <c r="E706" s="39"/>
      <c r="F706" s="39"/>
      <c r="G706" s="39"/>
      <c r="H706" s="39"/>
      <c r="I706" s="39"/>
      <c r="J706" s="29"/>
      <c r="L706" s="69"/>
      <c r="M706" s="12"/>
      <c r="N706" s="28"/>
      <c r="P706" s="29"/>
    </row>
    <row r="707" spans="1:16" ht="16.5" customHeight="1" x14ac:dyDescent="0.25">
      <c r="A707" s="48"/>
      <c r="B707" s="39"/>
      <c r="C707" s="39"/>
      <c r="D707" s="39"/>
      <c r="E707" s="39"/>
      <c r="F707" s="39"/>
      <c r="G707" s="39"/>
      <c r="H707" s="39"/>
      <c r="I707" s="39"/>
      <c r="J707" s="29"/>
      <c r="L707" s="69"/>
      <c r="M707" s="12"/>
      <c r="N707" s="28"/>
      <c r="P707" s="29"/>
    </row>
    <row r="708" spans="1:16" ht="16.5" customHeight="1" x14ac:dyDescent="0.25">
      <c r="A708" s="48"/>
      <c r="B708" s="39"/>
      <c r="C708" s="39"/>
      <c r="D708" s="39"/>
      <c r="E708" s="39"/>
      <c r="F708" s="39"/>
      <c r="G708" s="39"/>
      <c r="H708" s="39"/>
      <c r="I708" s="39"/>
      <c r="J708" s="29"/>
      <c r="L708" s="69"/>
      <c r="M708" s="12"/>
      <c r="N708" s="28"/>
      <c r="P708" s="29"/>
    </row>
    <row r="709" spans="1:16" ht="16.5" customHeight="1" x14ac:dyDescent="0.25">
      <c r="A709" s="48"/>
      <c r="B709" s="39"/>
      <c r="C709" s="39"/>
      <c r="D709" s="39"/>
      <c r="E709" s="39"/>
      <c r="F709" s="39"/>
      <c r="G709" s="39"/>
      <c r="H709" s="39"/>
      <c r="I709" s="39"/>
      <c r="J709" s="29"/>
      <c r="L709" s="69"/>
      <c r="M709" s="12"/>
      <c r="N709" s="28"/>
      <c r="P709" s="29"/>
    </row>
    <row r="710" spans="1:16" ht="16.5" customHeight="1" x14ac:dyDescent="0.25">
      <c r="A710" s="48"/>
      <c r="B710" s="39"/>
      <c r="C710" s="39"/>
      <c r="D710" s="39"/>
      <c r="E710" s="39"/>
      <c r="F710" s="39"/>
      <c r="G710" s="39"/>
      <c r="H710" s="39"/>
      <c r="I710" s="39"/>
      <c r="J710" s="29"/>
      <c r="L710" s="69"/>
      <c r="M710" s="12"/>
      <c r="N710" s="28"/>
      <c r="P710" s="29"/>
    </row>
    <row r="711" spans="1:16" ht="16.5" customHeight="1" x14ac:dyDescent="0.25">
      <c r="A711" s="48"/>
      <c r="B711" s="39"/>
      <c r="C711" s="39"/>
      <c r="D711" s="39"/>
      <c r="E711" s="39"/>
      <c r="F711" s="39"/>
      <c r="G711" s="39"/>
      <c r="H711" s="39"/>
      <c r="I711" s="39"/>
      <c r="J711" s="29"/>
      <c r="L711" s="69"/>
      <c r="M711" s="12"/>
      <c r="N711" s="28"/>
      <c r="P711" s="29"/>
    </row>
    <row r="712" spans="1:16" ht="16.5" customHeight="1" x14ac:dyDescent="0.25">
      <c r="A712" s="48"/>
      <c r="B712" s="39"/>
      <c r="C712" s="39"/>
      <c r="D712" s="39"/>
      <c r="E712" s="39"/>
      <c r="F712" s="39"/>
      <c r="G712" s="39"/>
      <c r="H712" s="39"/>
      <c r="I712" s="39"/>
      <c r="J712" s="29"/>
      <c r="L712" s="69"/>
      <c r="M712" s="12"/>
      <c r="N712" s="28"/>
      <c r="P712" s="29"/>
    </row>
    <row r="713" spans="1:16" ht="16.5" customHeight="1" x14ac:dyDescent="0.25">
      <c r="A713" s="48"/>
      <c r="B713" s="39"/>
      <c r="C713" s="39"/>
      <c r="D713" s="39"/>
      <c r="E713" s="39"/>
      <c r="F713" s="39"/>
      <c r="G713" s="39"/>
      <c r="H713" s="39"/>
      <c r="I713" s="39"/>
      <c r="J713" s="29"/>
      <c r="L713" s="69"/>
      <c r="M713" s="12"/>
      <c r="N713" s="28"/>
      <c r="P713" s="29"/>
    </row>
    <row r="714" spans="1:16" ht="16.5" customHeight="1" x14ac:dyDescent="0.25">
      <c r="A714" s="48"/>
      <c r="B714" s="39"/>
      <c r="C714" s="39"/>
      <c r="D714" s="39"/>
      <c r="E714" s="39"/>
      <c r="F714" s="39"/>
      <c r="G714" s="39"/>
      <c r="H714" s="39"/>
      <c r="I714" s="39"/>
      <c r="J714" s="29"/>
      <c r="L714" s="69"/>
      <c r="M714" s="12"/>
      <c r="N714" s="28"/>
      <c r="P714" s="29"/>
    </row>
    <row r="715" spans="1:16" ht="16.5" customHeight="1" x14ac:dyDescent="0.25">
      <c r="A715" s="48"/>
      <c r="B715" s="39"/>
      <c r="C715" s="39"/>
      <c r="D715" s="39"/>
      <c r="E715" s="39"/>
      <c r="F715" s="39"/>
      <c r="G715" s="39"/>
      <c r="H715" s="39"/>
      <c r="I715" s="39"/>
      <c r="J715" s="29"/>
      <c r="L715" s="69"/>
      <c r="M715" s="12"/>
      <c r="N715" s="28"/>
      <c r="P715" s="29"/>
    </row>
    <row r="716" spans="1:16" ht="16.5" customHeight="1" x14ac:dyDescent="0.25">
      <c r="A716" s="48"/>
      <c r="B716" s="39"/>
      <c r="C716" s="39"/>
      <c r="D716" s="39"/>
      <c r="E716" s="39"/>
      <c r="F716" s="39"/>
      <c r="G716" s="39"/>
      <c r="H716" s="39"/>
      <c r="I716" s="39"/>
      <c r="J716" s="29"/>
      <c r="L716" s="69"/>
      <c r="M716" s="12"/>
      <c r="N716" s="28"/>
      <c r="P716" s="29"/>
    </row>
    <row r="717" spans="1:16" ht="16.5" customHeight="1" x14ac:dyDescent="0.25">
      <c r="A717" s="48"/>
      <c r="B717" s="39"/>
      <c r="C717" s="39"/>
      <c r="D717" s="39"/>
      <c r="E717" s="39"/>
      <c r="F717" s="39"/>
      <c r="G717" s="39"/>
      <c r="H717" s="39"/>
      <c r="I717" s="39"/>
      <c r="J717" s="29"/>
      <c r="L717" s="69"/>
      <c r="M717" s="12"/>
      <c r="N717" s="28"/>
      <c r="P717" s="29"/>
    </row>
    <row r="718" spans="1:16" ht="16.5" customHeight="1" x14ac:dyDescent="0.25">
      <c r="A718" s="48"/>
      <c r="B718" s="39"/>
      <c r="C718" s="39"/>
      <c r="D718" s="39"/>
      <c r="E718" s="39"/>
      <c r="F718" s="39"/>
      <c r="G718" s="39"/>
      <c r="H718" s="39"/>
      <c r="I718" s="39"/>
      <c r="J718" s="29"/>
      <c r="L718" s="69"/>
      <c r="M718" s="12"/>
      <c r="N718" s="28"/>
      <c r="P718" s="29"/>
    </row>
    <row r="719" spans="1:16" ht="16.5" customHeight="1" x14ac:dyDescent="0.25">
      <c r="A719" s="48"/>
      <c r="B719" s="39"/>
      <c r="C719" s="39"/>
      <c r="D719" s="39"/>
      <c r="E719" s="39"/>
      <c r="F719" s="39"/>
      <c r="G719" s="39"/>
      <c r="H719" s="39"/>
      <c r="I719" s="39"/>
      <c r="J719" s="29"/>
      <c r="L719" s="69"/>
      <c r="M719" s="12"/>
      <c r="N719" s="28"/>
      <c r="P719" s="29"/>
    </row>
    <row r="720" spans="1:16" ht="16.5" customHeight="1" x14ac:dyDescent="0.25">
      <c r="A720" s="48"/>
      <c r="B720" s="39"/>
      <c r="C720" s="39"/>
      <c r="D720" s="39"/>
      <c r="E720" s="39"/>
      <c r="F720" s="39"/>
      <c r="G720" s="39"/>
      <c r="H720" s="39"/>
      <c r="I720" s="39"/>
      <c r="J720" s="29"/>
      <c r="L720" s="69"/>
      <c r="M720" s="12"/>
      <c r="N720" s="28"/>
      <c r="P720" s="29"/>
    </row>
    <row r="721" spans="1:16" ht="16.5" customHeight="1" x14ac:dyDescent="0.25">
      <c r="A721" s="48"/>
      <c r="B721" s="39"/>
      <c r="C721" s="39"/>
      <c r="D721" s="39"/>
      <c r="E721" s="39"/>
      <c r="F721" s="39"/>
      <c r="G721" s="39"/>
      <c r="H721" s="39"/>
      <c r="I721" s="39"/>
      <c r="J721" s="29"/>
      <c r="L721" s="69"/>
      <c r="M721" s="12"/>
      <c r="N721" s="28"/>
      <c r="P721" s="29"/>
    </row>
    <row r="722" spans="1:16" ht="16.5" customHeight="1" x14ac:dyDescent="0.25">
      <c r="A722" s="48"/>
      <c r="B722" s="39"/>
      <c r="C722" s="39"/>
      <c r="D722" s="39"/>
      <c r="E722" s="39"/>
      <c r="F722" s="39"/>
      <c r="G722" s="39"/>
      <c r="H722" s="39"/>
      <c r="I722" s="39"/>
      <c r="J722" s="29"/>
      <c r="L722" s="69"/>
      <c r="M722" s="12"/>
      <c r="N722" s="28"/>
      <c r="P722" s="29"/>
    </row>
    <row r="723" spans="1:16" ht="16.5" customHeight="1" x14ac:dyDescent="0.25">
      <c r="A723" s="48"/>
      <c r="B723" s="39"/>
      <c r="C723" s="39"/>
      <c r="D723" s="39"/>
      <c r="E723" s="39"/>
      <c r="F723" s="39"/>
      <c r="G723" s="39"/>
      <c r="H723" s="39"/>
      <c r="I723" s="39"/>
      <c r="J723" s="29"/>
      <c r="L723" s="69"/>
      <c r="M723" s="12"/>
      <c r="N723" s="28"/>
      <c r="P723" s="29"/>
    </row>
    <row r="724" spans="1:16" ht="16.5" customHeight="1" x14ac:dyDescent="0.25">
      <c r="A724" s="48"/>
      <c r="B724" s="39"/>
      <c r="C724" s="39"/>
      <c r="D724" s="39"/>
      <c r="E724" s="39"/>
      <c r="F724" s="39"/>
      <c r="G724" s="39"/>
      <c r="H724" s="39"/>
      <c r="I724" s="39"/>
      <c r="J724" s="29"/>
      <c r="L724" s="69"/>
      <c r="M724" s="12"/>
      <c r="N724" s="28"/>
      <c r="P724" s="29"/>
    </row>
    <row r="725" spans="1:16" ht="16.5" customHeight="1" x14ac:dyDescent="0.25">
      <c r="A725" s="48"/>
      <c r="B725" s="39"/>
      <c r="C725" s="39"/>
      <c r="D725" s="39"/>
      <c r="E725" s="39"/>
      <c r="F725" s="39"/>
      <c r="G725" s="39"/>
      <c r="H725" s="39"/>
      <c r="I725" s="39"/>
      <c r="J725" s="29"/>
      <c r="L725" s="69"/>
      <c r="M725" s="12"/>
      <c r="N725" s="28"/>
      <c r="P725" s="29"/>
    </row>
    <row r="726" spans="1:16" ht="16.5" customHeight="1" x14ac:dyDescent="0.25">
      <c r="A726" s="48"/>
      <c r="B726" s="39"/>
      <c r="C726" s="39"/>
      <c r="D726" s="39"/>
      <c r="E726" s="39"/>
      <c r="F726" s="39"/>
      <c r="G726" s="39"/>
      <c r="H726" s="39"/>
      <c r="I726" s="39"/>
      <c r="J726" s="29"/>
      <c r="L726" s="69"/>
      <c r="M726" s="12"/>
      <c r="N726" s="28"/>
      <c r="P726" s="29"/>
    </row>
    <row r="727" spans="1:16" ht="16.5" customHeight="1" x14ac:dyDescent="0.25">
      <c r="A727" s="48"/>
      <c r="B727" s="39"/>
      <c r="C727" s="39"/>
      <c r="D727" s="39"/>
      <c r="E727" s="39"/>
      <c r="F727" s="39"/>
      <c r="G727" s="39"/>
      <c r="H727" s="39"/>
      <c r="I727" s="39"/>
      <c r="J727" s="29"/>
      <c r="L727" s="69"/>
      <c r="M727" s="12"/>
      <c r="N727" s="28"/>
      <c r="P727" s="29"/>
    </row>
    <row r="728" spans="1:16" ht="16.5" customHeight="1" x14ac:dyDescent="0.25">
      <c r="A728" s="48"/>
      <c r="B728" s="39"/>
      <c r="C728" s="39"/>
      <c r="D728" s="39"/>
      <c r="E728" s="39"/>
      <c r="F728" s="39"/>
      <c r="G728" s="39"/>
      <c r="H728" s="39"/>
      <c r="I728" s="39"/>
      <c r="J728" s="29"/>
      <c r="L728" s="69"/>
      <c r="M728" s="12"/>
      <c r="N728" s="28"/>
      <c r="P728" s="29"/>
    </row>
    <row r="729" spans="1:16" ht="16.5" customHeight="1" x14ac:dyDescent="0.25">
      <c r="A729" s="48"/>
      <c r="B729" s="39"/>
      <c r="C729" s="39"/>
      <c r="D729" s="39"/>
      <c r="E729" s="39"/>
      <c r="F729" s="39"/>
      <c r="G729" s="39"/>
      <c r="H729" s="39"/>
      <c r="I729" s="39"/>
      <c r="J729" s="29"/>
      <c r="L729" s="69"/>
      <c r="M729" s="12"/>
      <c r="N729" s="28"/>
      <c r="P729" s="29"/>
    </row>
    <row r="730" spans="1:16" ht="16.5" customHeight="1" x14ac:dyDescent="0.25">
      <c r="A730" s="48"/>
      <c r="B730" s="39"/>
      <c r="C730" s="39"/>
      <c r="D730" s="39"/>
      <c r="E730" s="39"/>
      <c r="F730" s="39"/>
      <c r="G730" s="39"/>
      <c r="H730" s="39"/>
      <c r="I730" s="39"/>
      <c r="J730" s="29"/>
      <c r="L730" s="69"/>
      <c r="M730" s="12"/>
      <c r="N730" s="28"/>
      <c r="P730" s="29"/>
    </row>
    <row r="731" spans="1:16" ht="16.5" customHeight="1" x14ac:dyDescent="0.25">
      <c r="A731" s="48"/>
      <c r="B731" s="39"/>
      <c r="C731" s="39"/>
      <c r="D731" s="39"/>
      <c r="E731" s="39"/>
      <c r="F731" s="39"/>
      <c r="G731" s="39"/>
      <c r="H731" s="39"/>
      <c r="I731" s="39"/>
      <c r="J731" s="29"/>
      <c r="L731" s="69"/>
      <c r="M731" s="12"/>
      <c r="N731" s="28"/>
      <c r="P731" s="29"/>
    </row>
    <row r="732" spans="1:16" ht="16.5" customHeight="1" x14ac:dyDescent="0.25">
      <c r="A732" s="48"/>
      <c r="B732" s="39"/>
      <c r="C732" s="39"/>
      <c r="D732" s="39"/>
      <c r="E732" s="39"/>
      <c r="F732" s="39"/>
      <c r="G732" s="39"/>
      <c r="H732" s="39"/>
      <c r="I732" s="39"/>
      <c r="J732" s="29"/>
      <c r="L732" s="69"/>
      <c r="M732" s="12"/>
      <c r="N732" s="28"/>
      <c r="P732" s="29"/>
    </row>
    <row r="733" spans="1:16" ht="16.5" customHeight="1" x14ac:dyDescent="0.25">
      <c r="A733" s="48"/>
      <c r="B733" s="39"/>
      <c r="C733" s="39"/>
      <c r="D733" s="39"/>
      <c r="E733" s="39"/>
      <c r="F733" s="39"/>
      <c r="G733" s="39"/>
      <c r="H733" s="39"/>
      <c r="I733" s="39"/>
      <c r="J733" s="29"/>
      <c r="L733" s="69"/>
      <c r="M733" s="12"/>
      <c r="N733" s="28"/>
      <c r="P733" s="29"/>
    </row>
    <row r="734" spans="1:16" ht="16.5" customHeight="1" x14ac:dyDescent="0.25">
      <c r="A734" s="48"/>
      <c r="B734" s="39"/>
      <c r="C734" s="39"/>
      <c r="D734" s="39"/>
      <c r="E734" s="39"/>
      <c r="F734" s="39"/>
      <c r="G734" s="39"/>
      <c r="H734" s="39"/>
      <c r="I734" s="39"/>
      <c r="J734" s="29"/>
      <c r="L734" s="69"/>
      <c r="M734" s="12"/>
      <c r="N734" s="28"/>
      <c r="P734" s="29"/>
    </row>
    <row r="735" spans="1:16" ht="16.5" customHeight="1" x14ac:dyDescent="0.25">
      <c r="A735" s="48"/>
      <c r="B735" s="39"/>
      <c r="C735" s="39"/>
      <c r="D735" s="39"/>
      <c r="E735" s="39"/>
      <c r="F735" s="39"/>
      <c r="G735" s="39"/>
      <c r="H735" s="39"/>
      <c r="I735" s="39"/>
      <c r="J735" s="29"/>
      <c r="L735" s="69"/>
      <c r="M735" s="12"/>
      <c r="N735" s="28"/>
      <c r="P735" s="29"/>
    </row>
    <row r="736" spans="1:16" ht="16.5" customHeight="1" x14ac:dyDescent="0.25">
      <c r="A736" s="48"/>
      <c r="B736" s="39"/>
      <c r="C736" s="39"/>
      <c r="D736" s="39"/>
      <c r="E736" s="39"/>
      <c r="F736" s="39"/>
      <c r="G736" s="39"/>
      <c r="H736" s="39"/>
      <c r="I736" s="39"/>
      <c r="J736" s="29"/>
      <c r="L736" s="69"/>
      <c r="M736" s="12"/>
      <c r="N736" s="28"/>
      <c r="P736" s="29"/>
    </row>
    <row r="737" spans="1:16" ht="16.5" customHeight="1" x14ac:dyDescent="0.25">
      <c r="A737" s="48"/>
      <c r="B737" s="39"/>
      <c r="C737" s="39"/>
      <c r="D737" s="39"/>
      <c r="E737" s="39"/>
      <c r="F737" s="39"/>
      <c r="G737" s="39"/>
      <c r="H737" s="39"/>
      <c r="I737" s="39"/>
      <c r="J737" s="29"/>
      <c r="L737" s="69"/>
      <c r="M737" s="12"/>
      <c r="N737" s="28"/>
      <c r="P737" s="29"/>
    </row>
    <row r="738" spans="1:16" ht="16.5" customHeight="1" x14ac:dyDescent="0.25">
      <c r="A738" s="48"/>
      <c r="B738" s="39"/>
      <c r="C738" s="39"/>
      <c r="D738" s="39"/>
      <c r="E738" s="39"/>
      <c r="F738" s="39"/>
      <c r="G738" s="39"/>
      <c r="H738" s="39"/>
      <c r="I738" s="39"/>
      <c r="J738" s="29"/>
      <c r="L738" s="69"/>
      <c r="M738" s="12"/>
      <c r="N738" s="28"/>
      <c r="P738" s="29"/>
    </row>
    <row r="739" spans="1:16" ht="16.5" customHeight="1" x14ac:dyDescent="0.25">
      <c r="A739" s="48"/>
      <c r="B739" s="39"/>
      <c r="C739" s="39"/>
      <c r="D739" s="39"/>
      <c r="E739" s="39"/>
      <c r="F739" s="39"/>
      <c r="G739" s="39"/>
      <c r="H739" s="39"/>
      <c r="I739" s="39"/>
      <c r="J739" s="29"/>
      <c r="L739" s="69"/>
      <c r="M739" s="12"/>
      <c r="N739" s="28"/>
      <c r="P739" s="29"/>
    </row>
    <row r="740" spans="1:16" ht="16.5" customHeight="1" x14ac:dyDescent="0.25">
      <c r="A740" s="48"/>
      <c r="B740" s="39"/>
      <c r="C740" s="39"/>
      <c r="D740" s="39"/>
      <c r="E740" s="39"/>
      <c r="F740" s="39"/>
      <c r="G740" s="39"/>
      <c r="H740" s="39"/>
      <c r="I740" s="39"/>
      <c r="J740" s="29"/>
      <c r="L740" s="69"/>
      <c r="M740" s="12"/>
      <c r="N740" s="28"/>
      <c r="P740" s="29"/>
    </row>
    <row r="741" spans="1:16" ht="16.5" customHeight="1" x14ac:dyDescent="0.25">
      <c r="A741" s="48"/>
      <c r="B741" s="39"/>
      <c r="C741" s="39"/>
      <c r="D741" s="39"/>
      <c r="E741" s="39"/>
      <c r="F741" s="39"/>
      <c r="G741" s="39"/>
      <c r="H741" s="39"/>
      <c r="I741" s="39"/>
      <c r="J741" s="29"/>
      <c r="L741" s="69"/>
      <c r="M741" s="12"/>
      <c r="N741" s="28"/>
      <c r="P741" s="29"/>
    </row>
    <row r="742" spans="1:16" ht="16.5" customHeight="1" x14ac:dyDescent="0.25">
      <c r="A742" s="58"/>
      <c r="B742" s="59"/>
      <c r="C742" s="59"/>
      <c r="D742" s="59"/>
      <c r="E742" s="59"/>
      <c r="F742" s="59"/>
      <c r="G742" s="59"/>
      <c r="H742" s="59"/>
      <c r="I742" s="59"/>
      <c r="J742" s="32"/>
      <c r="K742" s="74"/>
      <c r="L742" s="75"/>
      <c r="M742" s="13"/>
      <c r="N742" s="30"/>
      <c r="O742" s="31"/>
      <c r="P742" s="32"/>
    </row>
    <row r="743" spans="1:16" ht="16.5" customHeight="1" x14ac:dyDescent="0.25">
      <c r="A743" s="48" t="s">
        <v>566</v>
      </c>
      <c r="B743" s="39"/>
      <c r="C743" s="39"/>
      <c r="D743" s="39"/>
      <c r="E743" s="39"/>
      <c r="F743" s="39"/>
      <c r="G743" s="39"/>
      <c r="H743" s="39"/>
      <c r="I743" s="39"/>
      <c r="J743" s="29"/>
      <c r="L743" s="69"/>
      <c r="M743" s="12"/>
      <c r="N743" s="28"/>
      <c r="P743" s="29"/>
    </row>
    <row r="744" spans="1:16" ht="16.5" customHeight="1" x14ac:dyDescent="0.25">
      <c r="A744" s="48" t="s">
        <v>378</v>
      </c>
      <c r="B744" s="39"/>
      <c r="C744" s="39"/>
      <c r="D744" s="39"/>
      <c r="E744" s="39"/>
      <c r="F744" s="39"/>
      <c r="G744" s="39"/>
      <c r="H744" s="39"/>
      <c r="I744" s="39"/>
      <c r="J744" s="29"/>
      <c r="L744" s="69"/>
      <c r="M744" s="12"/>
      <c r="N744" s="28"/>
      <c r="P744" s="29"/>
    </row>
    <row r="745" spans="1:16" ht="16.5" customHeight="1" x14ac:dyDescent="0.25">
      <c r="A745" s="48"/>
      <c r="B745" s="39" t="s">
        <v>381</v>
      </c>
      <c r="C745" s="39"/>
      <c r="D745" s="39"/>
      <c r="E745" s="39"/>
      <c r="F745" s="39"/>
      <c r="G745" s="39"/>
      <c r="H745" s="39"/>
      <c r="I745" s="39"/>
      <c r="J745" s="29"/>
      <c r="K745" s="86" t="s">
        <v>101</v>
      </c>
      <c r="L745" s="87" t="s">
        <v>101</v>
      </c>
      <c r="M745" s="12" t="s">
        <v>582</v>
      </c>
      <c r="N745" s="28"/>
      <c r="P745" s="29"/>
    </row>
    <row r="746" spans="1:16" ht="16.5" customHeight="1" x14ac:dyDescent="0.25">
      <c r="A746" s="48"/>
      <c r="B746" s="39" t="s">
        <v>380</v>
      </c>
      <c r="C746" s="39"/>
      <c r="D746" s="39"/>
      <c r="E746" s="39"/>
      <c r="F746" s="39"/>
      <c r="G746" s="39"/>
      <c r="H746" s="39"/>
      <c r="I746" s="39"/>
      <c r="J746" s="29"/>
      <c r="L746" s="69"/>
      <c r="M746" s="12"/>
      <c r="N746" s="28"/>
      <c r="P746" s="29"/>
    </row>
    <row r="747" spans="1:16" ht="16.5" customHeight="1" x14ac:dyDescent="0.25">
      <c r="A747" s="48"/>
      <c r="B747" s="39" t="s">
        <v>91</v>
      </c>
      <c r="C747" s="39"/>
      <c r="D747" s="39"/>
      <c r="E747" s="39"/>
      <c r="F747" s="39"/>
      <c r="G747" s="39"/>
      <c r="H747" s="39"/>
      <c r="I747" s="39"/>
      <c r="J747" s="29"/>
      <c r="K747" s="86" t="s">
        <v>101</v>
      </c>
      <c r="L747" s="87" t="s">
        <v>101</v>
      </c>
      <c r="M747" s="12" t="s">
        <v>36</v>
      </c>
      <c r="N747" s="28"/>
      <c r="P747" s="29"/>
    </row>
    <row r="748" spans="1:16" ht="16.5" customHeight="1" x14ac:dyDescent="0.25">
      <c r="A748" s="48"/>
      <c r="B748" s="39" t="s">
        <v>155</v>
      </c>
      <c r="C748" s="39"/>
      <c r="D748" s="39"/>
      <c r="E748" s="39"/>
      <c r="F748" s="39"/>
      <c r="G748" s="39"/>
      <c r="H748" s="39"/>
      <c r="I748" s="39"/>
      <c r="J748" s="29"/>
      <c r="L748" s="69"/>
      <c r="M748" s="12" t="s">
        <v>37</v>
      </c>
      <c r="N748" s="28"/>
      <c r="P748" s="29"/>
    </row>
    <row r="749" spans="1:16" ht="16.5" customHeight="1" x14ac:dyDescent="0.25">
      <c r="A749" s="48"/>
      <c r="B749" s="39" t="s">
        <v>92</v>
      </c>
      <c r="C749" s="39"/>
      <c r="D749" s="39"/>
      <c r="E749" s="39"/>
      <c r="F749" s="39"/>
      <c r="G749" s="39"/>
      <c r="H749" s="39"/>
      <c r="I749" s="39"/>
      <c r="J749" s="29"/>
      <c r="K749" s="86" t="s">
        <v>101</v>
      </c>
      <c r="L749" s="87" t="s">
        <v>101</v>
      </c>
      <c r="M749" s="12"/>
      <c r="N749" s="28"/>
      <c r="P749" s="29"/>
    </row>
    <row r="750" spans="1:16" ht="16.5" customHeight="1" x14ac:dyDescent="0.25">
      <c r="A750" s="48"/>
      <c r="B750" s="39"/>
      <c r="C750" s="39"/>
      <c r="D750" s="39"/>
      <c r="E750" s="39"/>
      <c r="F750" s="39"/>
      <c r="G750" s="39"/>
      <c r="H750" s="39"/>
      <c r="I750" s="39"/>
      <c r="J750" s="29"/>
      <c r="L750" s="69"/>
      <c r="M750" s="12"/>
      <c r="N750" s="28"/>
      <c r="P750" s="29"/>
    </row>
    <row r="751" spans="1:16" ht="16.5" customHeight="1" x14ac:dyDescent="0.25">
      <c r="A751" s="48" t="s">
        <v>379</v>
      </c>
      <c r="B751" s="39"/>
      <c r="C751" s="39"/>
      <c r="D751" s="39"/>
      <c r="E751" s="39"/>
      <c r="F751" s="39"/>
      <c r="G751" s="39"/>
      <c r="H751" s="39"/>
      <c r="I751" s="39"/>
      <c r="J751" s="29"/>
      <c r="L751" s="69"/>
      <c r="M751" s="12"/>
      <c r="N751" s="28"/>
      <c r="P751" s="29"/>
    </row>
    <row r="752" spans="1:16" ht="16.5" customHeight="1" x14ac:dyDescent="0.25">
      <c r="A752" s="48"/>
      <c r="B752" s="39" t="s">
        <v>383</v>
      </c>
      <c r="C752" s="39"/>
      <c r="D752" s="39"/>
      <c r="E752" s="39"/>
      <c r="F752" s="39"/>
      <c r="G752" s="39"/>
      <c r="H752" s="39"/>
      <c r="I752" s="39"/>
      <c r="J752" s="29"/>
      <c r="K752" s="86" t="s">
        <v>101</v>
      </c>
      <c r="L752" s="87" t="s">
        <v>101</v>
      </c>
      <c r="M752" s="12"/>
      <c r="N752" s="28"/>
      <c r="P752" s="29"/>
    </row>
    <row r="753" spans="1:16" ht="16.5" customHeight="1" x14ac:dyDescent="0.25">
      <c r="A753" s="48"/>
      <c r="B753" s="39" t="s">
        <v>382</v>
      </c>
      <c r="C753" s="39"/>
      <c r="D753" s="39"/>
      <c r="E753" s="39"/>
      <c r="F753" s="39"/>
      <c r="G753" s="39"/>
      <c r="H753" s="39"/>
      <c r="I753" s="39"/>
      <c r="J753" s="29"/>
      <c r="L753" s="69"/>
      <c r="M753" s="12"/>
      <c r="N753" s="28"/>
      <c r="P753" s="29"/>
    </row>
    <row r="754" spans="1:16" ht="16.5" customHeight="1" x14ac:dyDescent="0.25">
      <c r="A754" s="48"/>
      <c r="B754" s="39" t="s">
        <v>91</v>
      </c>
      <c r="C754" s="39"/>
      <c r="D754" s="39"/>
      <c r="E754" s="39"/>
      <c r="F754" s="39"/>
      <c r="G754" s="39"/>
      <c r="H754" s="39"/>
      <c r="I754" s="39"/>
      <c r="J754" s="29"/>
      <c r="K754" s="86" t="s">
        <v>101</v>
      </c>
      <c r="L754" s="87" t="s">
        <v>101</v>
      </c>
      <c r="M754" s="12"/>
      <c r="N754" s="28"/>
      <c r="P754" s="29"/>
    </row>
    <row r="755" spans="1:16" ht="16.5" customHeight="1" x14ac:dyDescent="0.25">
      <c r="A755" s="48"/>
      <c r="B755" s="39" t="s">
        <v>155</v>
      </c>
      <c r="C755" s="39"/>
      <c r="D755" s="39"/>
      <c r="E755" s="39"/>
      <c r="F755" s="39"/>
      <c r="G755" s="39"/>
      <c r="H755" s="39"/>
      <c r="I755" s="39"/>
      <c r="J755" s="29"/>
      <c r="L755" s="69"/>
      <c r="M755" s="12"/>
      <c r="N755" s="28"/>
      <c r="P755" s="29"/>
    </row>
    <row r="756" spans="1:16" ht="16.5" customHeight="1" x14ac:dyDescent="0.25">
      <c r="A756" s="48"/>
      <c r="B756" s="39" t="s">
        <v>92</v>
      </c>
      <c r="C756" s="39"/>
      <c r="D756" s="39"/>
      <c r="E756" s="39"/>
      <c r="F756" s="39"/>
      <c r="G756" s="39"/>
      <c r="H756" s="39"/>
      <c r="I756" s="39"/>
      <c r="J756" s="29"/>
      <c r="K756" s="86" t="s">
        <v>101</v>
      </c>
      <c r="L756" s="87" t="s">
        <v>101</v>
      </c>
      <c r="M756" s="12"/>
      <c r="N756" s="28"/>
      <c r="P756" s="29"/>
    </row>
    <row r="757" spans="1:16" ht="16.5" customHeight="1" x14ac:dyDescent="0.25">
      <c r="A757" s="48"/>
      <c r="B757" s="39"/>
      <c r="C757" s="39"/>
      <c r="D757" s="39"/>
      <c r="E757" s="39"/>
      <c r="F757" s="39"/>
      <c r="G757" s="39"/>
      <c r="H757" s="39"/>
      <c r="I757" s="39"/>
      <c r="J757" s="29"/>
      <c r="L757" s="69"/>
      <c r="M757" s="12"/>
      <c r="N757" s="28"/>
      <c r="P757" s="29"/>
    </row>
    <row r="758" spans="1:16" ht="16.5" customHeight="1" x14ac:dyDescent="0.25">
      <c r="A758" s="48"/>
      <c r="B758" s="39"/>
      <c r="C758" s="39"/>
      <c r="D758" s="39"/>
      <c r="E758" s="39"/>
      <c r="F758" s="39"/>
      <c r="G758" s="39"/>
      <c r="H758" s="39"/>
      <c r="I758" s="39"/>
      <c r="J758" s="29"/>
      <c r="L758" s="69"/>
      <c r="M758" s="12"/>
      <c r="N758" s="28"/>
      <c r="P758" s="29"/>
    </row>
    <row r="759" spans="1:16" ht="16.5" customHeight="1" x14ac:dyDescent="0.25">
      <c r="A759" s="48"/>
      <c r="B759" s="39"/>
      <c r="C759" s="39"/>
      <c r="D759" s="39"/>
      <c r="E759" s="39"/>
      <c r="F759" s="39"/>
      <c r="G759" s="39"/>
      <c r="H759" s="39"/>
      <c r="I759" s="39"/>
      <c r="J759" s="29"/>
      <c r="L759" s="69"/>
      <c r="M759" s="12"/>
      <c r="N759" s="28"/>
      <c r="P759" s="29"/>
    </row>
    <row r="760" spans="1:16" ht="16.5" customHeight="1" x14ac:dyDescent="0.25">
      <c r="A760" s="48"/>
      <c r="B760" s="39"/>
      <c r="C760" s="39"/>
      <c r="D760" s="39"/>
      <c r="E760" s="39"/>
      <c r="F760" s="39"/>
      <c r="G760" s="39"/>
      <c r="H760" s="39"/>
      <c r="I760" s="39"/>
      <c r="J760" s="29"/>
      <c r="L760" s="69"/>
      <c r="M760" s="12"/>
      <c r="N760" s="28"/>
      <c r="P760" s="29"/>
    </row>
    <row r="761" spans="1:16" ht="16.5" customHeight="1" x14ac:dyDescent="0.25">
      <c r="A761" s="48"/>
      <c r="B761" s="39"/>
      <c r="C761" s="39"/>
      <c r="D761" s="39"/>
      <c r="E761" s="39"/>
      <c r="F761" s="39"/>
      <c r="G761" s="39"/>
      <c r="H761" s="39"/>
      <c r="I761" s="39"/>
      <c r="J761" s="29"/>
      <c r="L761" s="69"/>
      <c r="M761" s="12"/>
      <c r="N761" s="28"/>
      <c r="P761" s="29"/>
    </row>
    <row r="762" spans="1:16" ht="16.5" customHeight="1" x14ac:dyDescent="0.25">
      <c r="A762" s="48"/>
      <c r="B762" s="39"/>
      <c r="C762" s="39"/>
      <c r="D762" s="39"/>
      <c r="E762" s="39"/>
      <c r="F762" s="39"/>
      <c r="G762" s="39"/>
      <c r="H762" s="39"/>
      <c r="I762" s="39"/>
      <c r="J762" s="29"/>
      <c r="L762" s="69"/>
      <c r="M762" s="12"/>
      <c r="N762" s="28"/>
      <c r="P762" s="29"/>
    </row>
    <row r="763" spans="1:16" ht="16.5" customHeight="1" x14ac:dyDescent="0.25">
      <c r="A763" s="48"/>
      <c r="B763" s="39"/>
      <c r="C763" s="39"/>
      <c r="D763" s="39"/>
      <c r="E763" s="39"/>
      <c r="F763" s="39"/>
      <c r="G763" s="39"/>
      <c r="H763" s="39"/>
      <c r="I763" s="39"/>
      <c r="J763" s="29"/>
      <c r="L763" s="69"/>
      <c r="M763" s="12"/>
      <c r="N763" s="28"/>
      <c r="P763" s="29"/>
    </row>
    <row r="764" spans="1:16" ht="16.5" customHeight="1" x14ac:dyDescent="0.25">
      <c r="A764" s="48"/>
      <c r="B764" s="39"/>
      <c r="C764" s="39"/>
      <c r="D764" s="39"/>
      <c r="E764" s="39"/>
      <c r="F764" s="39"/>
      <c r="G764" s="39"/>
      <c r="H764" s="39"/>
      <c r="I764" s="39"/>
      <c r="J764" s="29"/>
      <c r="L764" s="69"/>
      <c r="M764" s="12"/>
      <c r="N764" s="28"/>
      <c r="P764" s="29"/>
    </row>
    <row r="765" spans="1:16" ht="16.5" customHeight="1" x14ac:dyDescent="0.25">
      <c r="A765" s="48"/>
      <c r="B765" s="39"/>
      <c r="C765" s="39"/>
      <c r="D765" s="39"/>
      <c r="E765" s="39"/>
      <c r="F765" s="39"/>
      <c r="G765" s="39"/>
      <c r="H765" s="39"/>
      <c r="I765" s="39"/>
      <c r="J765" s="29"/>
      <c r="L765" s="69"/>
      <c r="M765" s="12"/>
      <c r="N765" s="28"/>
      <c r="P765" s="29"/>
    </row>
    <row r="766" spans="1:16" ht="16.5" customHeight="1" x14ac:dyDescent="0.25">
      <c r="A766" s="48"/>
      <c r="B766" s="39"/>
      <c r="C766" s="39"/>
      <c r="D766" s="39"/>
      <c r="E766" s="39"/>
      <c r="F766" s="39"/>
      <c r="G766" s="39"/>
      <c r="H766" s="39"/>
      <c r="I766" s="39"/>
      <c r="J766" s="29"/>
      <c r="L766" s="69"/>
      <c r="M766" s="12"/>
      <c r="N766" s="28"/>
      <c r="P766" s="29"/>
    </row>
    <row r="767" spans="1:16" ht="16.5" customHeight="1" x14ac:dyDescent="0.25">
      <c r="A767" s="48"/>
      <c r="B767" s="39"/>
      <c r="C767" s="39"/>
      <c r="D767" s="39"/>
      <c r="E767" s="39"/>
      <c r="F767" s="39"/>
      <c r="G767" s="39"/>
      <c r="H767" s="39"/>
      <c r="I767" s="39"/>
      <c r="J767" s="29"/>
      <c r="L767" s="69"/>
      <c r="M767" s="12"/>
      <c r="N767" s="28"/>
      <c r="P767" s="29"/>
    </row>
    <row r="768" spans="1:16" ht="16.5" customHeight="1" x14ac:dyDescent="0.25">
      <c r="A768" s="48"/>
      <c r="B768" s="39"/>
      <c r="C768" s="39"/>
      <c r="D768" s="39"/>
      <c r="E768" s="39"/>
      <c r="F768" s="39"/>
      <c r="G768" s="39"/>
      <c r="H768" s="39"/>
      <c r="I768" s="39"/>
      <c r="J768" s="29"/>
      <c r="L768" s="69"/>
      <c r="M768" s="12"/>
      <c r="N768" s="28"/>
      <c r="P768" s="29"/>
    </row>
    <row r="769" spans="1:16" ht="16.5" customHeight="1" x14ac:dyDescent="0.25">
      <c r="A769" s="48"/>
      <c r="B769" s="39"/>
      <c r="C769" s="39"/>
      <c r="D769" s="39"/>
      <c r="E769" s="39"/>
      <c r="F769" s="39"/>
      <c r="G769" s="39"/>
      <c r="H769" s="39"/>
      <c r="I769" s="39"/>
      <c r="J769" s="29"/>
      <c r="L769" s="69"/>
      <c r="M769" s="12"/>
      <c r="N769" s="28"/>
      <c r="P769" s="29"/>
    </row>
    <row r="770" spans="1:16" ht="16.5" customHeight="1" x14ac:dyDescent="0.25">
      <c r="A770" s="58"/>
      <c r="B770" s="59"/>
      <c r="C770" s="59"/>
      <c r="D770" s="59"/>
      <c r="E770" s="59"/>
      <c r="F770" s="59"/>
      <c r="G770" s="59"/>
      <c r="H770" s="59"/>
      <c r="I770" s="59"/>
      <c r="J770" s="32"/>
      <c r="K770" s="74"/>
      <c r="L770" s="75"/>
      <c r="M770" s="13"/>
      <c r="N770" s="30"/>
      <c r="O770" s="31"/>
      <c r="P770" s="32"/>
    </row>
    <row r="771" spans="1:16" ht="16.5" customHeight="1" x14ac:dyDescent="0.25">
      <c r="A771" s="48" t="s">
        <v>318</v>
      </c>
      <c r="B771" s="39"/>
      <c r="C771" s="39"/>
      <c r="D771" s="39"/>
      <c r="E771" s="39"/>
      <c r="F771" s="39"/>
      <c r="G771" s="39"/>
      <c r="H771" s="39"/>
      <c r="I771" s="39"/>
      <c r="J771" s="29"/>
      <c r="L771" s="69"/>
      <c r="M771" s="12" t="s">
        <v>156</v>
      </c>
      <c r="N771" s="28"/>
      <c r="P771" s="29"/>
    </row>
    <row r="772" spans="1:16" ht="16.5" customHeight="1" x14ac:dyDescent="0.25">
      <c r="A772" s="48"/>
      <c r="B772" s="39" t="s">
        <v>93</v>
      </c>
      <c r="C772" s="39"/>
      <c r="D772" s="39"/>
      <c r="E772" s="39"/>
      <c r="F772" s="39"/>
      <c r="G772" s="39"/>
      <c r="H772" s="39"/>
      <c r="I772" s="39"/>
      <c r="J772" s="29"/>
      <c r="K772" s="86" t="s">
        <v>101</v>
      </c>
      <c r="L772" s="87" t="s">
        <v>101</v>
      </c>
      <c r="M772" s="12" t="s">
        <v>157</v>
      </c>
      <c r="N772" s="28"/>
      <c r="P772" s="29"/>
    </row>
    <row r="773" spans="1:16" ht="16.5" customHeight="1" x14ac:dyDescent="0.25">
      <c r="A773" s="48"/>
      <c r="B773" s="39"/>
      <c r="C773" s="39"/>
      <c r="D773" s="39"/>
      <c r="E773" s="39"/>
      <c r="F773" s="39"/>
      <c r="G773" s="39"/>
      <c r="H773" s="39"/>
      <c r="I773" s="39"/>
      <c r="J773" s="29"/>
      <c r="L773" s="69"/>
      <c r="M773" s="12"/>
      <c r="N773" s="28"/>
      <c r="P773" s="29"/>
    </row>
    <row r="774" spans="1:16" ht="16.5" customHeight="1" x14ac:dyDescent="0.25">
      <c r="A774" s="48"/>
      <c r="B774" s="39"/>
      <c r="C774" s="39"/>
      <c r="D774" s="39"/>
      <c r="E774" s="39"/>
      <c r="F774" s="39"/>
      <c r="G774" s="39"/>
      <c r="H774" s="39"/>
      <c r="I774" s="39"/>
      <c r="J774" s="29"/>
      <c r="L774" s="69"/>
      <c r="M774" s="12"/>
      <c r="N774" s="28"/>
      <c r="P774" s="29"/>
    </row>
    <row r="775" spans="1:16" ht="16.5" customHeight="1" x14ac:dyDescent="0.25">
      <c r="A775" s="48"/>
      <c r="B775" s="39"/>
      <c r="C775" s="39"/>
      <c r="D775" s="39"/>
      <c r="E775" s="39"/>
      <c r="F775" s="39"/>
      <c r="G775" s="39"/>
      <c r="H775" s="39"/>
      <c r="I775" s="39"/>
      <c r="J775" s="29"/>
      <c r="L775" s="69"/>
      <c r="M775" s="12"/>
      <c r="N775" s="28"/>
      <c r="P775" s="29"/>
    </row>
    <row r="776" spans="1:16" ht="16.5" customHeight="1" x14ac:dyDescent="0.25">
      <c r="A776" s="48"/>
      <c r="B776" s="39"/>
      <c r="C776" s="39"/>
      <c r="D776" s="39"/>
      <c r="E776" s="39"/>
      <c r="F776" s="39"/>
      <c r="G776" s="39"/>
      <c r="H776" s="39"/>
      <c r="I776" s="39"/>
      <c r="J776" s="29"/>
      <c r="L776" s="69"/>
      <c r="M776" s="12"/>
      <c r="N776" s="28"/>
      <c r="P776" s="29"/>
    </row>
    <row r="777" spans="1:16" ht="16.5" customHeight="1" x14ac:dyDescent="0.25">
      <c r="A777" s="48"/>
      <c r="B777" s="39"/>
      <c r="C777" s="39"/>
      <c r="D777" s="39"/>
      <c r="E777" s="39"/>
      <c r="F777" s="39"/>
      <c r="G777" s="39"/>
      <c r="H777" s="39"/>
      <c r="I777" s="39"/>
      <c r="J777" s="29"/>
      <c r="L777" s="69"/>
      <c r="M777" s="12"/>
      <c r="N777" s="28"/>
      <c r="P777" s="29"/>
    </row>
    <row r="778" spans="1:16" ht="16.5" customHeight="1" x14ac:dyDescent="0.25">
      <c r="A778" s="48"/>
      <c r="B778" s="39"/>
      <c r="C778" s="39"/>
      <c r="D778" s="39"/>
      <c r="E778" s="39"/>
      <c r="F778" s="39"/>
      <c r="G778" s="39"/>
      <c r="H778" s="39"/>
      <c r="I778" s="39"/>
      <c r="J778" s="29"/>
      <c r="L778" s="69"/>
      <c r="M778" s="12"/>
      <c r="N778" s="28"/>
      <c r="P778" s="29"/>
    </row>
    <row r="779" spans="1:16" ht="16.5" customHeight="1" x14ac:dyDescent="0.25">
      <c r="A779" s="48"/>
      <c r="B779" s="39"/>
      <c r="C779" s="39"/>
      <c r="D779" s="39"/>
      <c r="E779" s="39"/>
      <c r="F779" s="39"/>
      <c r="G779" s="39"/>
      <c r="H779" s="39"/>
      <c r="I779" s="39"/>
      <c r="J779" s="29"/>
      <c r="L779" s="69"/>
      <c r="M779" s="12"/>
      <c r="N779" s="28"/>
      <c r="P779" s="29"/>
    </row>
    <row r="780" spans="1:16" ht="16.5" customHeight="1" x14ac:dyDescent="0.25">
      <c r="A780" s="48"/>
      <c r="B780" s="39"/>
      <c r="C780" s="39"/>
      <c r="D780" s="39"/>
      <c r="E780" s="39"/>
      <c r="F780" s="39"/>
      <c r="G780" s="39"/>
      <c r="H780" s="39"/>
      <c r="I780" s="39"/>
      <c r="J780" s="29"/>
      <c r="L780" s="69"/>
      <c r="M780" s="12"/>
      <c r="N780" s="28"/>
      <c r="P780" s="29"/>
    </row>
    <row r="781" spans="1:16" ht="16.5" customHeight="1" x14ac:dyDescent="0.25">
      <c r="A781" s="48"/>
      <c r="B781" s="39"/>
      <c r="C781" s="39"/>
      <c r="D781" s="39"/>
      <c r="E781" s="39"/>
      <c r="F781" s="39"/>
      <c r="G781" s="39"/>
      <c r="H781" s="39"/>
      <c r="I781" s="39"/>
      <c r="J781" s="29"/>
      <c r="L781" s="69"/>
      <c r="M781" s="12"/>
      <c r="N781" s="28"/>
      <c r="P781" s="29"/>
    </row>
    <row r="782" spans="1:16" ht="16.5" customHeight="1" x14ac:dyDescent="0.25">
      <c r="A782" s="48"/>
      <c r="B782" s="39"/>
      <c r="C782" s="39"/>
      <c r="D782" s="39"/>
      <c r="E782" s="39"/>
      <c r="F782" s="39"/>
      <c r="G782" s="39"/>
      <c r="H782" s="39"/>
      <c r="I782" s="39"/>
      <c r="J782" s="29"/>
      <c r="L782" s="69"/>
      <c r="M782" s="12"/>
      <c r="N782" s="28"/>
      <c r="P782" s="29"/>
    </row>
    <row r="783" spans="1:16" ht="16.5" customHeight="1" x14ac:dyDescent="0.25">
      <c r="A783" s="48"/>
      <c r="B783" s="39"/>
      <c r="C783" s="39"/>
      <c r="D783" s="39"/>
      <c r="E783" s="39"/>
      <c r="F783" s="39"/>
      <c r="G783" s="39"/>
      <c r="H783" s="39"/>
      <c r="I783" s="39"/>
      <c r="J783" s="29"/>
      <c r="L783" s="69"/>
      <c r="M783" s="12"/>
      <c r="N783" s="28"/>
      <c r="P783" s="29"/>
    </row>
    <row r="784" spans="1:16" ht="16.5" customHeight="1" x14ac:dyDescent="0.25">
      <c r="A784" s="48"/>
      <c r="B784" s="39"/>
      <c r="C784" s="39"/>
      <c r="D784" s="39"/>
      <c r="E784" s="39"/>
      <c r="F784" s="39"/>
      <c r="G784" s="39"/>
      <c r="H784" s="39"/>
      <c r="I784" s="39"/>
      <c r="J784" s="29"/>
      <c r="L784" s="69"/>
      <c r="M784" s="12"/>
      <c r="N784" s="28"/>
      <c r="P784" s="29"/>
    </row>
    <row r="785" spans="1:16" ht="16.5" customHeight="1" x14ac:dyDescent="0.25">
      <c r="A785" s="48"/>
      <c r="B785" s="39"/>
      <c r="C785" s="39"/>
      <c r="D785" s="39"/>
      <c r="E785" s="39"/>
      <c r="F785" s="39"/>
      <c r="G785" s="39"/>
      <c r="H785" s="39"/>
      <c r="I785" s="39"/>
      <c r="J785" s="29"/>
      <c r="L785" s="69"/>
      <c r="M785" s="12"/>
      <c r="N785" s="28"/>
      <c r="P785" s="29"/>
    </row>
    <row r="786" spans="1:16" ht="16.5" customHeight="1" x14ac:dyDescent="0.25">
      <c r="A786" s="48"/>
      <c r="B786" s="39"/>
      <c r="C786" s="39"/>
      <c r="D786" s="39"/>
      <c r="E786" s="39"/>
      <c r="F786" s="39"/>
      <c r="G786" s="39"/>
      <c r="H786" s="39"/>
      <c r="I786" s="39"/>
      <c r="J786" s="29"/>
      <c r="L786" s="69"/>
      <c r="M786" s="12"/>
      <c r="N786" s="28"/>
      <c r="P786" s="29"/>
    </row>
    <row r="787" spans="1:16" ht="16.5" customHeight="1" x14ac:dyDescent="0.25">
      <c r="A787" s="48"/>
      <c r="B787" s="39"/>
      <c r="C787" s="39"/>
      <c r="D787" s="39"/>
      <c r="E787" s="39"/>
      <c r="F787" s="39"/>
      <c r="G787" s="39"/>
      <c r="H787" s="39"/>
      <c r="I787" s="39"/>
      <c r="J787" s="29"/>
      <c r="L787" s="69"/>
      <c r="M787" s="12"/>
      <c r="N787" s="28"/>
      <c r="P787" s="29"/>
    </row>
    <row r="788" spans="1:16" ht="16.5" customHeight="1" x14ac:dyDescent="0.25">
      <c r="A788" s="48"/>
      <c r="B788" s="39"/>
      <c r="C788" s="39"/>
      <c r="D788" s="39"/>
      <c r="E788" s="39"/>
      <c r="F788" s="39"/>
      <c r="G788" s="39"/>
      <c r="H788" s="39"/>
      <c r="I788" s="39"/>
      <c r="J788" s="29"/>
      <c r="L788" s="69"/>
      <c r="M788" s="12"/>
      <c r="N788" s="28"/>
      <c r="P788" s="29"/>
    </row>
    <row r="789" spans="1:16" ht="16.5" customHeight="1" x14ac:dyDescent="0.25">
      <c r="A789" s="58"/>
      <c r="B789" s="59"/>
      <c r="C789" s="59"/>
      <c r="D789" s="59"/>
      <c r="E789" s="59"/>
      <c r="F789" s="59"/>
      <c r="G789" s="59"/>
      <c r="H789" s="59"/>
      <c r="I789" s="59"/>
      <c r="J789" s="32"/>
      <c r="K789" s="74"/>
      <c r="L789" s="75"/>
      <c r="M789" s="13"/>
      <c r="N789" s="30"/>
      <c r="O789" s="31"/>
      <c r="P789" s="32"/>
    </row>
    <row r="790" spans="1:16" ht="16.5" customHeight="1" x14ac:dyDescent="0.25">
      <c r="A790" s="46" t="s">
        <v>319</v>
      </c>
      <c r="B790" s="47"/>
      <c r="C790" s="47"/>
      <c r="D790" s="47"/>
      <c r="E790" s="47"/>
      <c r="F790" s="47"/>
      <c r="G790" s="47"/>
      <c r="H790" s="47"/>
      <c r="I790" s="47"/>
      <c r="J790" s="27"/>
      <c r="K790" s="72"/>
      <c r="L790" s="73"/>
      <c r="M790" s="11"/>
      <c r="N790" s="25"/>
      <c r="O790" s="26"/>
      <c r="P790" s="27"/>
    </row>
    <row r="791" spans="1:16" ht="16.5" customHeight="1" x14ac:dyDescent="0.25">
      <c r="A791" s="48"/>
      <c r="B791" s="39" t="s">
        <v>509</v>
      </c>
      <c r="C791" s="39"/>
      <c r="D791" s="39"/>
      <c r="E791" s="39"/>
      <c r="F791" s="39"/>
      <c r="G791" s="39"/>
      <c r="H791" s="39"/>
      <c r="I791" s="39"/>
      <c r="J791" s="29"/>
      <c r="K791" s="86" t="s">
        <v>101</v>
      </c>
      <c r="L791" s="87" t="s">
        <v>101</v>
      </c>
      <c r="M791" s="12" t="s">
        <v>606</v>
      </c>
      <c r="N791" s="28"/>
      <c r="P791" s="29"/>
    </row>
    <row r="792" spans="1:16" ht="16.5" customHeight="1" x14ac:dyDescent="0.25">
      <c r="A792" s="48"/>
      <c r="B792" s="39" t="s">
        <v>605</v>
      </c>
      <c r="C792" s="39"/>
      <c r="D792" s="39"/>
      <c r="E792" s="39"/>
      <c r="F792" s="39"/>
      <c r="G792" s="39"/>
      <c r="H792" s="39"/>
      <c r="I792" s="39"/>
      <c r="J792" s="29"/>
      <c r="L792" s="69"/>
      <c r="M792" s="12"/>
      <c r="N792" s="28"/>
      <c r="P792" s="29"/>
    </row>
    <row r="793" spans="1:16" ht="16.5" customHeight="1" x14ac:dyDescent="0.25">
      <c r="A793" s="48"/>
      <c r="B793" s="39" t="s">
        <v>508</v>
      </c>
      <c r="C793" s="39"/>
      <c r="D793" s="39"/>
      <c r="E793" s="39"/>
      <c r="F793" s="39"/>
      <c r="G793" s="39"/>
      <c r="H793" s="39"/>
      <c r="I793" s="39"/>
      <c r="J793" s="29"/>
      <c r="K793" s="86" t="s">
        <v>101</v>
      </c>
      <c r="L793" s="87" t="s">
        <v>101</v>
      </c>
      <c r="M793" s="12" t="s">
        <v>38</v>
      </c>
      <c r="N793" s="28"/>
      <c r="P793" s="29"/>
    </row>
    <row r="794" spans="1:16" ht="16.5" customHeight="1" x14ac:dyDescent="0.25">
      <c r="A794" s="48"/>
      <c r="B794" s="39" t="s">
        <v>279</v>
      </c>
      <c r="C794" s="39"/>
      <c r="D794" s="39"/>
      <c r="E794" s="39"/>
      <c r="F794" s="39"/>
      <c r="G794" s="39"/>
      <c r="H794" s="39"/>
      <c r="I794" s="39"/>
      <c r="J794" s="29"/>
      <c r="L794" s="69"/>
      <c r="M794" s="12"/>
      <c r="N794" s="28"/>
      <c r="P794" s="29"/>
    </row>
    <row r="795" spans="1:16" ht="16.5" customHeight="1" x14ac:dyDescent="0.25">
      <c r="A795" s="48"/>
      <c r="B795" s="39" t="s">
        <v>555</v>
      </c>
      <c r="C795" s="39"/>
      <c r="D795" s="39"/>
      <c r="E795" s="39"/>
      <c r="F795" s="39"/>
      <c r="G795" s="39"/>
      <c r="H795" s="39"/>
      <c r="I795" s="39"/>
      <c r="J795" s="29"/>
      <c r="K795" s="86" t="s">
        <v>101</v>
      </c>
      <c r="L795" s="87" t="s">
        <v>101</v>
      </c>
      <c r="M795" s="12" t="s">
        <v>39</v>
      </c>
      <c r="N795" s="28"/>
      <c r="P795" s="29"/>
    </row>
    <row r="796" spans="1:16" ht="16.5" customHeight="1" x14ac:dyDescent="0.25">
      <c r="A796" s="48"/>
      <c r="B796" s="39" t="s">
        <v>672</v>
      </c>
      <c r="C796" s="39"/>
      <c r="D796" s="39"/>
      <c r="E796" s="39"/>
      <c r="F796" s="39"/>
      <c r="G796" s="39"/>
      <c r="H796" s="39"/>
      <c r="I796" s="39"/>
      <c r="J796" s="29"/>
      <c r="L796" s="69"/>
      <c r="M796" s="12"/>
      <c r="N796" s="28"/>
      <c r="P796" s="29"/>
    </row>
    <row r="797" spans="1:16" ht="16.5" customHeight="1" x14ac:dyDescent="0.25">
      <c r="A797" s="48"/>
      <c r="B797" s="39"/>
      <c r="C797" s="39"/>
      <c r="D797" s="39"/>
      <c r="E797" s="39"/>
      <c r="F797" s="39"/>
      <c r="G797" s="39"/>
      <c r="H797" s="39"/>
      <c r="I797" s="39"/>
      <c r="J797" s="29"/>
      <c r="K797" s="86"/>
      <c r="L797" s="87"/>
      <c r="M797" s="12"/>
      <c r="N797" s="28"/>
      <c r="P797" s="29"/>
    </row>
    <row r="798" spans="1:16" ht="16.5" customHeight="1" x14ac:dyDescent="0.25">
      <c r="A798" s="48"/>
      <c r="B798" s="39"/>
      <c r="C798" s="39"/>
      <c r="D798" s="39"/>
      <c r="E798" s="39"/>
      <c r="F798" s="39"/>
      <c r="G798" s="39"/>
      <c r="H798" s="39"/>
      <c r="I798" s="39"/>
      <c r="J798" s="29"/>
      <c r="L798" s="69"/>
      <c r="M798" s="12"/>
      <c r="N798" s="28"/>
      <c r="P798" s="29"/>
    </row>
    <row r="799" spans="1:16" ht="16.5" customHeight="1" x14ac:dyDescent="0.25">
      <c r="A799" s="48"/>
      <c r="B799" s="39"/>
      <c r="C799" s="39"/>
      <c r="D799" s="39"/>
      <c r="E799" s="39"/>
      <c r="F799" s="39"/>
      <c r="G799" s="39"/>
      <c r="H799" s="39"/>
      <c r="I799" s="39"/>
      <c r="J799" s="29"/>
      <c r="L799" s="69"/>
      <c r="M799" s="12"/>
      <c r="N799" s="28"/>
      <c r="P799" s="29"/>
    </row>
    <row r="800" spans="1:16" ht="16.5" customHeight="1" x14ac:dyDescent="0.25">
      <c r="A800" s="48"/>
      <c r="B800" s="39"/>
      <c r="C800" s="39"/>
      <c r="D800" s="39"/>
      <c r="E800" s="39"/>
      <c r="F800" s="39"/>
      <c r="G800" s="39"/>
      <c r="H800" s="39"/>
      <c r="I800" s="39"/>
      <c r="J800" s="29"/>
      <c r="L800" s="69"/>
      <c r="M800" s="12"/>
      <c r="N800" s="28"/>
      <c r="P800" s="29"/>
    </row>
    <row r="801" spans="1:16" ht="16.5" customHeight="1" x14ac:dyDescent="0.25">
      <c r="A801" s="48"/>
      <c r="B801" s="39"/>
      <c r="C801" s="39"/>
      <c r="D801" s="39"/>
      <c r="E801" s="39"/>
      <c r="F801" s="39"/>
      <c r="G801" s="39"/>
      <c r="H801" s="39"/>
      <c r="I801" s="39"/>
      <c r="J801" s="29"/>
      <c r="L801" s="69"/>
      <c r="M801" s="12"/>
      <c r="N801" s="28"/>
      <c r="P801" s="29"/>
    </row>
    <row r="802" spans="1:16" ht="16.5" customHeight="1" x14ac:dyDescent="0.25">
      <c r="A802" s="48"/>
      <c r="B802" s="39"/>
      <c r="C802" s="39"/>
      <c r="D802" s="39"/>
      <c r="E802" s="39"/>
      <c r="F802" s="39"/>
      <c r="G802" s="39"/>
      <c r="H802" s="39"/>
      <c r="I802" s="39"/>
      <c r="J802" s="29"/>
      <c r="L802" s="69"/>
      <c r="M802" s="12"/>
      <c r="N802" s="28"/>
      <c r="P802" s="29"/>
    </row>
    <row r="803" spans="1:16" ht="16.5" customHeight="1" x14ac:dyDescent="0.25">
      <c r="A803" s="48"/>
      <c r="B803" s="39"/>
      <c r="C803" s="39"/>
      <c r="D803" s="39"/>
      <c r="E803" s="39"/>
      <c r="F803" s="39"/>
      <c r="G803" s="39"/>
      <c r="H803" s="39"/>
      <c r="I803" s="39"/>
      <c r="J803" s="29"/>
      <c r="L803" s="69"/>
      <c r="M803" s="12"/>
      <c r="N803" s="28"/>
      <c r="P803" s="29"/>
    </row>
    <row r="804" spans="1:16" ht="16.5" customHeight="1" x14ac:dyDescent="0.25">
      <c r="A804" s="48"/>
      <c r="B804" s="39"/>
      <c r="C804" s="39"/>
      <c r="D804" s="39"/>
      <c r="E804" s="39"/>
      <c r="F804" s="39"/>
      <c r="G804" s="39"/>
      <c r="H804" s="39"/>
      <c r="I804" s="39"/>
      <c r="J804" s="29"/>
      <c r="L804" s="69"/>
      <c r="M804" s="12"/>
      <c r="N804" s="28"/>
      <c r="P804" s="29"/>
    </row>
    <row r="805" spans="1:16" ht="16.5" customHeight="1" x14ac:dyDescent="0.25">
      <c r="A805" s="48"/>
      <c r="B805" s="39"/>
      <c r="C805" s="39"/>
      <c r="D805" s="39"/>
      <c r="E805" s="39"/>
      <c r="F805" s="39"/>
      <c r="G805" s="39"/>
      <c r="H805" s="39"/>
      <c r="I805" s="39"/>
      <c r="J805" s="29"/>
      <c r="L805" s="69"/>
      <c r="M805" s="12"/>
      <c r="N805" s="28"/>
      <c r="P805" s="29"/>
    </row>
    <row r="806" spans="1:16" ht="16.5" customHeight="1" x14ac:dyDescent="0.25">
      <c r="A806" s="48"/>
      <c r="B806" s="39"/>
      <c r="C806" s="39"/>
      <c r="D806" s="39"/>
      <c r="E806" s="39"/>
      <c r="F806" s="39"/>
      <c r="G806" s="39"/>
      <c r="H806" s="39"/>
      <c r="I806" s="39"/>
      <c r="J806" s="29"/>
      <c r="L806" s="69"/>
      <c r="M806" s="12"/>
      <c r="N806" s="28"/>
      <c r="P806" s="29"/>
    </row>
    <row r="807" spans="1:16" ht="16.5" customHeight="1" x14ac:dyDescent="0.25">
      <c r="A807" s="48"/>
      <c r="B807" s="39"/>
      <c r="C807" s="39"/>
      <c r="D807" s="39"/>
      <c r="E807" s="39"/>
      <c r="F807" s="39"/>
      <c r="G807" s="39"/>
      <c r="H807" s="39"/>
      <c r="I807" s="39"/>
      <c r="J807" s="29"/>
      <c r="L807" s="69"/>
      <c r="M807" s="12"/>
      <c r="N807" s="28"/>
      <c r="P807" s="29"/>
    </row>
    <row r="808" spans="1:16" ht="16.5" customHeight="1" x14ac:dyDescent="0.25">
      <c r="A808" s="48"/>
      <c r="B808" s="39"/>
      <c r="C808" s="39"/>
      <c r="D808" s="39"/>
      <c r="E808" s="39"/>
      <c r="F808" s="39"/>
      <c r="G808" s="39"/>
      <c r="H808" s="39"/>
      <c r="I808" s="39"/>
      <c r="J808" s="29"/>
      <c r="L808" s="69"/>
      <c r="M808" s="12"/>
      <c r="N808" s="28"/>
      <c r="P808" s="29"/>
    </row>
    <row r="809" spans="1:16" ht="16.5" customHeight="1" x14ac:dyDescent="0.25">
      <c r="A809" s="48"/>
      <c r="B809" s="39"/>
      <c r="C809" s="39"/>
      <c r="D809" s="39"/>
      <c r="E809" s="39"/>
      <c r="F809" s="39"/>
      <c r="G809" s="39"/>
      <c r="H809" s="39"/>
      <c r="I809" s="39"/>
      <c r="J809" s="29"/>
      <c r="L809" s="69"/>
      <c r="M809" s="12"/>
      <c r="N809" s="28"/>
      <c r="P809" s="29"/>
    </row>
    <row r="810" spans="1:16" ht="16.5" customHeight="1" x14ac:dyDescent="0.25">
      <c r="A810" s="48"/>
      <c r="B810" s="39"/>
      <c r="C810" s="39"/>
      <c r="D810" s="39"/>
      <c r="E810" s="39"/>
      <c r="F810" s="39"/>
      <c r="G810" s="39"/>
      <c r="H810" s="39"/>
      <c r="I810" s="39"/>
      <c r="J810" s="29"/>
      <c r="L810" s="69"/>
      <c r="M810" s="12"/>
      <c r="N810" s="28"/>
      <c r="P810" s="29"/>
    </row>
    <row r="811" spans="1:16" ht="16.5" customHeight="1" x14ac:dyDescent="0.25">
      <c r="A811" s="48"/>
      <c r="B811" s="39"/>
      <c r="C811" s="39"/>
      <c r="D811" s="39"/>
      <c r="E811" s="39"/>
      <c r="F811" s="39"/>
      <c r="G811" s="39"/>
      <c r="H811" s="39"/>
      <c r="I811" s="39"/>
      <c r="J811" s="29"/>
      <c r="L811" s="69"/>
      <c r="M811" s="12"/>
      <c r="N811" s="28"/>
      <c r="P811" s="29"/>
    </row>
    <row r="812" spans="1:16" ht="16.5" customHeight="1" x14ac:dyDescent="0.25">
      <c r="A812" s="48"/>
      <c r="B812" s="39"/>
      <c r="C812" s="39"/>
      <c r="D812" s="39"/>
      <c r="E812" s="39"/>
      <c r="F812" s="39"/>
      <c r="G812" s="39"/>
      <c r="H812" s="39"/>
      <c r="I812" s="39"/>
      <c r="J812" s="29"/>
      <c r="L812" s="69"/>
      <c r="M812" s="12"/>
      <c r="N812" s="28"/>
      <c r="P812" s="29"/>
    </row>
    <row r="813" spans="1:16" ht="16.5" customHeight="1" x14ac:dyDescent="0.25">
      <c r="A813" s="48"/>
      <c r="B813" s="39"/>
      <c r="C813" s="39"/>
      <c r="D813" s="39"/>
      <c r="E813" s="39"/>
      <c r="F813" s="39"/>
      <c r="G813" s="39"/>
      <c r="H813" s="39"/>
      <c r="I813" s="39"/>
      <c r="J813" s="29"/>
      <c r="L813" s="69"/>
      <c r="M813" s="12"/>
      <c r="N813" s="28"/>
      <c r="P813" s="29"/>
    </row>
    <row r="814" spans="1:16" ht="16.5" customHeight="1" x14ac:dyDescent="0.25">
      <c r="A814" s="48"/>
      <c r="B814" s="39"/>
      <c r="C814" s="39"/>
      <c r="D814" s="39"/>
      <c r="E814" s="39"/>
      <c r="F814" s="39"/>
      <c r="G814" s="39"/>
      <c r="H814" s="39"/>
      <c r="I814" s="39"/>
      <c r="J814" s="29"/>
      <c r="L814" s="69"/>
      <c r="M814" s="12"/>
      <c r="N814" s="28"/>
      <c r="P814" s="29"/>
    </row>
    <row r="815" spans="1:16" ht="16.5" customHeight="1" x14ac:dyDescent="0.25">
      <c r="A815" s="48"/>
      <c r="B815" s="39"/>
      <c r="C815" s="39"/>
      <c r="D815" s="39"/>
      <c r="E815" s="39"/>
      <c r="F815" s="39"/>
      <c r="G815" s="39"/>
      <c r="H815" s="39"/>
      <c r="I815" s="39"/>
      <c r="J815" s="29"/>
      <c r="L815" s="69"/>
      <c r="M815" s="12"/>
      <c r="N815" s="28"/>
      <c r="P815" s="29"/>
    </row>
    <row r="816" spans="1:16" ht="16.5" customHeight="1" x14ac:dyDescent="0.25">
      <c r="A816" s="48"/>
      <c r="B816" s="39"/>
      <c r="C816" s="39"/>
      <c r="D816" s="39"/>
      <c r="E816" s="39"/>
      <c r="F816" s="39"/>
      <c r="G816" s="39"/>
      <c r="H816" s="39"/>
      <c r="I816" s="39"/>
      <c r="J816" s="29"/>
      <c r="L816" s="69"/>
      <c r="M816" s="12"/>
      <c r="N816" s="28"/>
      <c r="P816" s="29"/>
    </row>
    <row r="817" spans="1:16" ht="16.5" customHeight="1" x14ac:dyDescent="0.25">
      <c r="A817" s="48"/>
      <c r="B817" s="39"/>
      <c r="C817" s="39"/>
      <c r="D817" s="39"/>
      <c r="E817" s="39"/>
      <c r="F817" s="39"/>
      <c r="G817" s="39"/>
      <c r="H817" s="39"/>
      <c r="I817" s="39"/>
      <c r="J817" s="29"/>
      <c r="L817" s="69"/>
      <c r="M817" s="12"/>
      <c r="N817" s="28"/>
      <c r="P817" s="29"/>
    </row>
    <row r="818" spans="1:16" ht="16.5" customHeight="1" x14ac:dyDescent="0.25">
      <c r="A818" s="48"/>
      <c r="B818" s="39"/>
      <c r="C818" s="39"/>
      <c r="D818" s="39"/>
      <c r="E818" s="39"/>
      <c r="F818" s="39"/>
      <c r="G818" s="39"/>
      <c r="H818" s="39"/>
      <c r="I818" s="39"/>
      <c r="J818" s="29"/>
      <c r="L818" s="69"/>
      <c r="M818" s="12"/>
      <c r="N818" s="28"/>
      <c r="P818" s="29"/>
    </row>
    <row r="819" spans="1:16" ht="16.5" customHeight="1" x14ac:dyDescent="0.25">
      <c r="A819" s="48"/>
      <c r="B819" s="39"/>
      <c r="C819" s="39"/>
      <c r="D819" s="39"/>
      <c r="E819" s="39"/>
      <c r="F819" s="39"/>
      <c r="G819" s="39"/>
      <c r="H819" s="39"/>
      <c r="I819" s="39"/>
      <c r="J819" s="29"/>
      <c r="L819" s="69"/>
      <c r="M819" s="12"/>
      <c r="N819" s="28"/>
      <c r="P819" s="29"/>
    </row>
    <row r="820" spans="1:16" ht="16.5" customHeight="1" x14ac:dyDescent="0.25">
      <c r="A820" s="48"/>
      <c r="B820" s="39"/>
      <c r="C820" s="39"/>
      <c r="D820" s="39"/>
      <c r="E820" s="39"/>
      <c r="F820" s="39"/>
      <c r="G820" s="39"/>
      <c r="H820" s="39"/>
      <c r="I820" s="39"/>
      <c r="J820" s="29"/>
      <c r="L820" s="69"/>
      <c r="M820" s="12"/>
      <c r="N820" s="28"/>
      <c r="P820" s="29"/>
    </row>
    <row r="821" spans="1:16" ht="16.5" customHeight="1" x14ac:dyDescent="0.25">
      <c r="A821" s="48"/>
      <c r="B821" s="39"/>
      <c r="C821" s="39"/>
      <c r="D821" s="39"/>
      <c r="E821" s="39"/>
      <c r="F821" s="39"/>
      <c r="G821" s="39"/>
      <c r="H821" s="39"/>
      <c r="I821" s="39"/>
      <c r="J821" s="29"/>
      <c r="L821" s="69"/>
      <c r="M821" s="12"/>
      <c r="N821" s="28"/>
      <c r="P821" s="29"/>
    </row>
    <row r="822" spans="1:16" ht="16.5" customHeight="1" x14ac:dyDescent="0.25">
      <c r="A822" s="48"/>
      <c r="B822" s="39"/>
      <c r="C822" s="39"/>
      <c r="D822" s="39"/>
      <c r="E822" s="39"/>
      <c r="F822" s="39"/>
      <c r="G822" s="39"/>
      <c r="H822" s="39"/>
      <c r="I822" s="39"/>
      <c r="J822" s="29"/>
      <c r="L822" s="69"/>
      <c r="M822" s="12"/>
      <c r="N822" s="28"/>
      <c r="P822" s="29"/>
    </row>
    <row r="823" spans="1:16" ht="16.5" customHeight="1" x14ac:dyDescent="0.25">
      <c r="A823" s="48"/>
      <c r="B823" s="39"/>
      <c r="C823" s="39"/>
      <c r="D823" s="39"/>
      <c r="E823" s="39"/>
      <c r="F823" s="39"/>
      <c r="G823" s="39"/>
      <c r="H823" s="39"/>
      <c r="I823" s="39"/>
      <c r="J823" s="29"/>
      <c r="L823" s="69"/>
      <c r="M823" s="12"/>
      <c r="N823" s="28"/>
      <c r="P823" s="29"/>
    </row>
    <row r="824" spans="1:16" ht="16.5" customHeight="1" x14ac:dyDescent="0.25">
      <c r="A824" s="48"/>
      <c r="B824" s="39"/>
      <c r="C824" s="39"/>
      <c r="D824" s="39"/>
      <c r="E824" s="39"/>
      <c r="F824" s="39"/>
      <c r="G824" s="39"/>
      <c r="H824" s="39"/>
      <c r="I824" s="39"/>
      <c r="J824" s="29"/>
      <c r="L824" s="69"/>
      <c r="M824" s="12"/>
      <c r="N824" s="28"/>
      <c r="P824" s="29"/>
    </row>
    <row r="825" spans="1:16" ht="16.5" customHeight="1" x14ac:dyDescent="0.25">
      <c r="A825" s="48"/>
      <c r="B825" s="39"/>
      <c r="C825" s="39"/>
      <c r="D825" s="39"/>
      <c r="E825" s="39"/>
      <c r="F825" s="39"/>
      <c r="G825" s="39"/>
      <c r="H825" s="39"/>
      <c r="I825" s="39"/>
      <c r="J825" s="29"/>
      <c r="L825" s="69"/>
      <c r="M825" s="12"/>
      <c r="N825" s="28"/>
      <c r="P825" s="29"/>
    </row>
    <row r="826" spans="1:16" ht="16.5" customHeight="1" x14ac:dyDescent="0.25">
      <c r="A826" s="48"/>
      <c r="B826" s="39"/>
      <c r="C826" s="39"/>
      <c r="D826" s="39"/>
      <c r="E826" s="39"/>
      <c r="F826" s="39"/>
      <c r="G826" s="39"/>
      <c r="H826" s="39"/>
      <c r="I826" s="39"/>
      <c r="J826" s="29"/>
      <c r="L826" s="69"/>
      <c r="M826" s="12"/>
      <c r="N826" s="28"/>
      <c r="P826" s="29"/>
    </row>
    <row r="827" spans="1:16" ht="16.5" customHeight="1" x14ac:dyDescent="0.25">
      <c r="A827" s="48"/>
      <c r="B827" s="39"/>
      <c r="C827" s="39"/>
      <c r="D827" s="39"/>
      <c r="E827" s="39"/>
      <c r="F827" s="39"/>
      <c r="G827" s="39"/>
      <c r="H827" s="39"/>
      <c r="I827" s="39"/>
      <c r="J827" s="29"/>
      <c r="L827" s="69"/>
      <c r="M827" s="12"/>
      <c r="N827" s="28"/>
      <c r="P827" s="29"/>
    </row>
    <row r="828" spans="1:16" ht="16.5" customHeight="1" x14ac:dyDescent="0.25">
      <c r="A828" s="48"/>
      <c r="B828" s="39"/>
      <c r="C828" s="39"/>
      <c r="D828" s="39"/>
      <c r="E828" s="39"/>
      <c r="F828" s="39"/>
      <c r="G828" s="39"/>
      <c r="H828" s="39"/>
      <c r="I828" s="39"/>
      <c r="J828" s="29"/>
      <c r="L828" s="69"/>
      <c r="M828" s="12"/>
      <c r="N828" s="28"/>
      <c r="P828" s="29"/>
    </row>
    <row r="829" spans="1:16" ht="16.5" customHeight="1" x14ac:dyDescent="0.25">
      <c r="A829" s="48"/>
      <c r="B829" s="39"/>
      <c r="C829" s="39"/>
      <c r="D829" s="39"/>
      <c r="E829" s="39"/>
      <c r="F829" s="39"/>
      <c r="G829" s="39"/>
      <c r="H829" s="39"/>
      <c r="I829" s="39"/>
      <c r="J829" s="29"/>
      <c r="L829" s="69"/>
      <c r="M829" s="12"/>
      <c r="N829" s="28"/>
      <c r="P829" s="29"/>
    </row>
    <row r="830" spans="1:16" ht="16.5" customHeight="1" x14ac:dyDescent="0.25">
      <c r="A830" s="48"/>
      <c r="B830" s="39"/>
      <c r="C830" s="39"/>
      <c r="D830" s="39"/>
      <c r="E830" s="39"/>
      <c r="F830" s="39"/>
      <c r="G830" s="39"/>
      <c r="H830" s="39"/>
      <c r="I830" s="39"/>
      <c r="J830" s="29"/>
      <c r="L830" s="69"/>
      <c r="M830" s="12"/>
      <c r="N830" s="28"/>
      <c r="P830" s="29"/>
    </row>
    <row r="831" spans="1:16" ht="16.5" customHeight="1" x14ac:dyDescent="0.25">
      <c r="A831" s="48"/>
      <c r="B831" s="39"/>
      <c r="C831" s="39"/>
      <c r="D831" s="39"/>
      <c r="E831" s="39"/>
      <c r="F831" s="39"/>
      <c r="G831" s="39"/>
      <c r="H831" s="39"/>
      <c r="I831" s="39"/>
      <c r="J831" s="29"/>
      <c r="L831" s="69"/>
      <c r="M831" s="12"/>
      <c r="N831" s="28"/>
      <c r="P831" s="29"/>
    </row>
    <row r="832" spans="1:16" ht="16.5" customHeight="1" x14ac:dyDescent="0.25">
      <c r="A832" s="48"/>
      <c r="B832" s="39"/>
      <c r="C832" s="39"/>
      <c r="D832" s="39"/>
      <c r="E832" s="39"/>
      <c r="F832" s="39"/>
      <c r="G832" s="39"/>
      <c r="H832" s="39"/>
      <c r="I832" s="39"/>
      <c r="J832" s="29"/>
      <c r="L832" s="69"/>
      <c r="M832" s="12"/>
      <c r="N832" s="28"/>
      <c r="P832" s="29"/>
    </row>
    <row r="833" spans="1:16" ht="16.5" customHeight="1" x14ac:dyDescent="0.25">
      <c r="A833" s="48"/>
      <c r="B833" s="39"/>
      <c r="C833" s="39"/>
      <c r="D833" s="39"/>
      <c r="E833" s="39"/>
      <c r="F833" s="39"/>
      <c r="G833" s="39"/>
      <c r="H833" s="39"/>
      <c r="I833" s="39"/>
      <c r="J833" s="29"/>
      <c r="L833" s="69"/>
      <c r="M833" s="12"/>
      <c r="N833" s="28"/>
      <c r="P833" s="29"/>
    </row>
    <row r="834" spans="1:16" ht="16.5" customHeight="1" x14ac:dyDescent="0.25">
      <c r="A834" s="48"/>
      <c r="B834" s="39"/>
      <c r="C834" s="39"/>
      <c r="D834" s="39"/>
      <c r="E834" s="39"/>
      <c r="F834" s="39"/>
      <c r="G834" s="39"/>
      <c r="H834" s="39"/>
      <c r="I834" s="39"/>
      <c r="J834" s="29"/>
      <c r="L834" s="69"/>
      <c r="M834" s="12"/>
      <c r="N834" s="28"/>
      <c r="P834" s="29"/>
    </row>
    <row r="835" spans="1:16" ht="16.5" customHeight="1" x14ac:dyDescent="0.25">
      <c r="A835" s="48"/>
      <c r="B835" s="39"/>
      <c r="C835" s="39"/>
      <c r="D835" s="39"/>
      <c r="E835" s="39"/>
      <c r="F835" s="39"/>
      <c r="G835" s="39"/>
      <c r="H835" s="39"/>
      <c r="I835" s="39"/>
      <c r="J835" s="29"/>
      <c r="L835" s="69"/>
      <c r="M835" s="12"/>
      <c r="N835" s="28"/>
      <c r="P835" s="29"/>
    </row>
    <row r="836" spans="1:16" ht="16.5" customHeight="1" x14ac:dyDescent="0.25">
      <c r="A836" s="58"/>
      <c r="B836" s="59"/>
      <c r="C836" s="59"/>
      <c r="D836" s="59"/>
      <c r="E836" s="59"/>
      <c r="F836" s="59"/>
      <c r="G836" s="59"/>
      <c r="H836" s="59"/>
      <c r="I836" s="59"/>
      <c r="J836" s="32"/>
      <c r="K836" s="74"/>
      <c r="L836" s="75"/>
      <c r="M836" s="13"/>
      <c r="N836" s="30"/>
      <c r="O836" s="31"/>
      <c r="P836" s="32"/>
    </row>
    <row r="837" spans="1:16" ht="16.5" customHeight="1" x14ac:dyDescent="0.25">
      <c r="A837" s="48"/>
      <c r="B837" s="39"/>
      <c r="C837" s="39"/>
      <c r="D837" s="39"/>
      <c r="E837" s="39"/>
      <c r="F837" s="39"/>
      <c r="G837" s="39"/>
      <c r="H837" s="39"/>
      <c r="I837" s="39"/>
      <c r="J837" s="29"/>
      <c r="L837" s="69"/>
      <c r="M837" s="12"/>
      <c r="N837" s="28"/>
      <c r="P837" s="29"/>
    </row>
    <row r="838" spans="1:16" ht="16.5" customHeight="1" x14ac:dyDescent="0.25">
      <c r="A838" s="48"/>
      <c r="B838" s="39"/>
      <c r="C838" s="39"/>
      <c r="D838" s="39"/>
      <c r="E838" s="39"/>
      <c r="F838" s="39"/>
      <c r="G838" s="39"/>
      <c r="H838" s="39"/>
      <c r="I838" s="39"/>
      <c r="J838" s="29"/>
      <c r="L838" s="69"/>
      <c r="M838" s="12"/>
      <c r="N838" s="28"/>
      <c r="P838" s="29"/>
    </row>
    <row r="839" spans="1:16" ht="16.5" customHeight="1" x14ac:dyDescent="0.25">
      <c r="A839" s="48"/>
      <c r="B839" s="39"/>
      <c r="C839" s="39"/>
      <c r="D839" s="39"/>
      <c r="E839" s="39"/>
      <c r="F839" s="39"/>
      <c r="G839" s="39"/>
      <c r="H839" s="39"/>
      <c r="I839" s="39"/>
      <c r="J839" s="29"/>
      <c r="L839" s="69"/>
      <c r="M839" s="12"/>
      <c r="N839" s="28"/>
      <c r="P839" s="29"/>
    </row>
    <row r="840" spans="1:16" ht="16.5" customHeight="1" x14ac:dyDescent="0.25">
      <c r="A840" s="48"/>
      <c r="B840" s="39"/>
      <c r="C840" s="39"/>
      <c r="D840" s="39"/>
      <c r="E840" s="39"/>
      <c r="F840" s="39"/>
      <c r="G840" s="39"/>
      <c r="H840" s="39"/>
      <c r="I840" s="39"/>
      <c r="J840" s="29"/>
      <c r="L840" s="69"/>
      <c r="M840" s="12"/>
      <c r="N840" s="28"/>
      <c r="P840" s="29"/>
    </row>
    <row r="841" spans="1:16" ht="16.5" customHeight="1" x14ac:dyDescent="0.25">
      <c r="A841" s="48"/>
      <c r="B841" s="39"/>
      <c r="C841" s="39"/>
      <c r="D841" s="39"/>
      <c r="E841" s="39"/>
      <c r="F841" s="39"/>
      <c r="G841" s="39"/>
      <c r="H841" s="39"/>
      <c r="I841" s="39"/>
      <c r="J841" s="29"/>
      <c r="L841" s="69"/>
      <c r="M841" s="12"/>
      <c r="N841" s="28"/>
      <c r="P841" s="29"/>
    </row>
    <row r="842" spans="1:16" ht="16.5" customHeight="1" x14ac:dyDescent="0.25">
      <c r="A842" s="48"/>
      <c r="B842" s="39"/>
      <c r="C842" s="39"/>
      <c r="D842" s="39"/>
      <c r="E842" s="39"/>
      <c r="F842" s="39"/>
      <c r="G842" s="39"/>
      <c r="H842" s="39"/>
      <c r="I842" s="39"/>
      <c r="J842" s="29"/>
      <c r="L842" s="69"/>
      <c r="M842" s="12"/>
      <c r="N842" s="28"/>
      <c r="P842" s="29"/>
    </row>
    <row r="843" spans="1:16" ht="16.5" customHeight="1" x14ac:dyDescent="0.25">
      <c r="A843" s="48"/>
      <c r="B843" s="39"/>
      <c r="C843" s="39"/>
      <c r="D843" s="39"/>
      <c r="E843" s="39"/>
      <c r="F843" s="39"/>
      <c r="G843" s="39"/>
      <c r="H843" s="39"/>
      <c r="I843" s="39"/>
      <c r="J843" s="29"/>
      <c r="L843" s="69"/>
      <c r="M843" s="12"/>
      <c r="N843" s="28"/>
      <c r="P843" s="29"/>
    </row>
    <row r="844" spans="1:16" ht="16.5" customHeight="1" x14ac:dyDescent="0.25">
      <c r="A844" s="48"/>
      <c r="B844" s="39"/>
      <c r="C844" s="39"/>
      <c r="D844" s="39"/>
      <c r="E844" s="39"/>
      <c r="F844" s="39"/>
      <c r="G844" s="39"/>
      <c r="H844" s="39"/>
      <c r="I844" s="39"/>
      <c r="J844" s="29"/>
      <c r="L844" s="69"/>
      <c r="M844" s="12"/>
      <c r="N844" s="28"/>
      <c r="P844" s="29"/>
    </row>
    <row r="845" spans="1:16" ht="16.5" customHeight="1" x14ac:dyDescent="0.25">
      <c r="A845" s="48"/>
      <c r="B845" s="39"/>
      <c r="C845" s="39"/>
      <c r="D845" s="39"/>
      <c r="E845" s="39"/>
      <c r="F845" s="39"/>
      <c r="G845" s="39"/>
      <c r="H845" s="39"/>
      <c r="I845" s="39"/>
      <c r="J845" s="29"/>
      <c r="L845" s="69"/>
      <c r="M845" s="12"/>
      <c r="N845" s="28"/>
      <c r="P845" s="29"/>
    </row>
    <row r="846" spans="1:16" ht="16.5" customHeight="1" x14ac:dyDescent="0.25">
      <c r="A846" s="48"/>
      <c r="B846" s="39"/>
      <c r="C846" s="39"/>
      <c r="D846" s="39"/>
      <c r="E846" s="39"/>
      <c r="F846" s="39"/>
      <c r="G846" s="39"/>
      <c r="H846" s="39"/>
      <c r="I846" s="39"/>
      <c r="J846" s="29"/>
      <c r="L846" s="69"/>
      <c r="M846" s="12"/>
      <c r="N846" s="28"/>
      <c r="P846" s="29"/>
    </row>
    <row r="847" spans="1:16" ht="16.5" customHeight="1" x14ac:dyDescent="0.25">
      <c r="A847" s="48"/>
      <c r="B847" s="39"/>
      <c r="C847" s="39"/>
      <c r="D847" s="39"/>
      <c r="E847" s="39"/>
      <c r="F847" s="39"/>
      <c r="G847" s="39"/>
      <c r="H847" s="39"/>
      <c r="I847" s="39"/>
      <c r="J847" s="29"/>
      <c r="L847" s="69"/>
      <c r="M847" s="12"/>
      <c r="N847" s="28"/>
      <c r="P847" s="29"/>
    </row>
    <row r="848" spans="1:16" ht="16.5" customHeight="1" x14ac:dyDescent="0.25">
      <c r="A848" s="48"/>
      <c r="B848" s="39"/>
      <c r="C848" s="39"/>
      <c r="D848" s="39"/>
      <c r="E848" s="39"/>
      <c r="F848" s="39"/>
      <c r="G848" s="39"/>
      <c r="H848" s="39"/>
      <c r="I848" s="39"/>
      <c r="J848" s="29"/>
      <c r="L848" s="69"/>
      <c r="M848" s="12"/>
      <c r="N848" s="28"/>
      <c r="P848" s="29"/>
    </row>
    <row r="849" spans="1:16" ht="16.5" customHeight="1" x14ac:dyDescent="0.25">
      <c r="A849" s="48"/>
      <c r="B849" s="39"/>
      <c r="C849" s="39"/>
      <c r="D849" s="39"/>
      <c r="E849" s="39"/>
      <c r="F849" s="39"/>
      <c r="G849" s="39"/>
      <c r="H849" s="39"/>
      <c r="I849" s="39"/>
      <c r="J849" s="29"/>
      <c r="L849" s="69"/>
      <c r="M849" s="12"/>
      <c r="N849" s="28"/>
      <c r="P849" s="29"/>
    </row>
    <row r="850" spans="1:16" ht="16.5" customHeight="1" x14ac:dyDescent="0.25">
      <c r="A850" s="48"/>
      <c r="B850" s="39"/>
      <c r="C850" s="39"/>
      <c r="D850" s="39"/>
      <c r="E850" s="39"/>
      <c r="F850" s="39"/>
      <c r="G850" s="39"/>
      <c r="H850" s="39"/>
      <c r="I850" s="39"/>
      <c r="J850" s="29"/>
      <c r="L850" s="69"/>
      <c r="M850" s="12"/>
      <c r="N850" s="28"/>
      <c r="P850" s="29"/>
    </row>
    <row r="851" spans="1:16" ht="16.5" customHeight="1" x14ac:dyDescent="0.25">
      <c r="A851" s="48"/>
      <c r="B851" s="39"/>
      <c r="C851" s="39"/>
      <c r="D851" s="39"/>
      <c r="E851" s="39"/>
      <c r="F851" s="39"/>
      <c r="G851" s="39"/>
      <c r="H851" s="39"/>
      <c r="I851" s="39"/>
      <c r="J851" s="29"/>
      <c r="L851" s="69"/>
      <c r="M851" s="12"/>
      <c r="N851" s="28"/>
      <c r="P851" s="29"/>
    </row>
    <row r="852" spans="1:16" ht="16.5" customHeight="1" x14ac:dyDescent="0.25">
      <c r="A852" s="48"/>
      <c r="B852" s="39"/>
      <c r="C852" s="39"/>
      <c r="D852" s="39"/>
      <c r="E852" s="39"/>
      <c r="F852" s="39"/>
      <c r="G852" s="39"/>
      <c r="H852" s="39"/>
      <c r="I852" s="39"/>
      <c r="J852" s="29"/>
      <c r="L852" s="69"/>
      <c r="M852" s="12"/>
      <c r="N852" s="28"/>
      <c r="P852" s="29"/>
    </row>
    <row r="853" spans="1:16" ht="16.5" customHeight="1" x14ac:dyDescent="0.25">
      <c r="A853" s="48"/>
      <c r="B853" s="39"/>
      <c r="C853" s="39"/>
      <c r="D853" s="39"/>
      <c r="E853" s="39"/>
      <c r="F853" s="39"/>
      <c r="G853" s="39"/>
      <c r="H853" s="39"/>
      <c r="I853" s="39"/>
      <c r="J853" s="29"/>
      <c r="L853" s="69"/>
      <c r="M853" s="12"/>
      <c r="N853" s="28"/>
      <c r="P853" s="29"/>
    </row>
    <row r="854" spans="1:16" ht="16.5" customHeight="1" x14ac:dyDescent="0.25">
      <c r="A854" s="58"/>
      <c r="B854" s="59"/>
      <c r="C854" s="59"/>
      <c r="D854" s="59"/>
      <c r="E854" s="59"/>
      <c r="F854" s="59"/>
      <c r="G854" s="59"/>
      <c r="H854" s="59"/>
      <c r="I854" s="59"/>
      <c r="J854" s="32"/>
      <c r="K854" s="74"/>
      <c r="L854" s="75"/>
      <c r="M854" s="13"/>
      <c r="N854" s="30"/>
      <c r="O854" s="31"/>
      <c r="P854" s="32"/>
    </row>
    <row r="855" spans="1:16" ht="16.5" customHeight="1" x14ac:dyDescent="0.25">
      <c r="A855" s="48" t="s">
        <v>320</v>
      </c>
      <c r="B855" s="39"/>
      <c r="C855" s="39"/>
      <c r="D855" s="39"/>
      <c r="E855" s="39"/>
      <c r="F855" s="39"/>
      <c r="G855" s="39"/>
      <c r="H855" s="39"/>
      <c r="I855" s="39"/>
      <c r="J855" s="29"/>
      <c r="L855" s="69"/>
      <c r="M855" s="12"/>
      <c r="N855" s="28"/>
      <c r="P855" s="29"/>
    </row>
    <row r="856" spans="1:16" ht="16.5" customHeight="1" x14ac:dyDescent="0.25">
      <c r="A856" s="48"/>
      <c r="B856" s="39" t="s">
        <v>257</v>
      </c>
      <c r="C856" s="39"/>
      <c r="D856" s="39"/>
      <c r="E856" s="39"/>
      <c r="F856" s="39"/>
      <c r="G856" s="39"/>
      <c r="H856" s="39"/>
      <c r="I856" s="39"/>
      <c r="J856" s="39"/>
      <c r="K856" s="88" t="s">
        <v>101</v>
      </c>
      <c r="L856" s="87" t="s">
        <v>101</v>
      </c>
      <c r="M856" s="12"/>
      <c r="N856" s="28"/>
      <c r="P856" s="29"/>
    </row>
    <row r="857" spans="1:16" ht="16.5" customHeight="1" x14ac:dyDescent="0.25">
      <c r="A857" s="48"/>
      <c r="B857" s="39" t="s">
        <v>457</v>
      </c>
      <c r="C857" s="39"/>
      <c r="D857" s="39"/>
      <c r="E857" s="39"/>
      <c r="F857" s="39"/>
      <c r="G857" s="39"/>
      <c r="H857" s="39"/>
      <c r="I857" s="39"/>
      <c r="J857" s="39"/>
      <c r="K857" s="88"/>
      <c r="L857" s="87"/>
      <c r="M857" s="12"/>
      <c r="N857" s="28"/>
      <c r="P857" s="29"/>
    </row>
    <row r="858" spans="1:16" ht="16.5" customHeight="1" x14ac:dyDescent="0.25">
      <c r="A858" s="48"/>
      <c r="B858" s="39" t="s">
        <v>510</v>
      </c>
      <c r="C858" s="39"/>
      <c r="D858" s="39"/>
      <c r="E858" s="39"/>
      <c r="F858" s="39"/>
      <c r="G858" s="39"/>
      <c r="H858" s="39"/>
      <c r="I858" s="39"/>
      <c r="J858" s="39"/>
      <c r="K858" s="88" t="s">
        <v>101</v>
      </c>
      <c r="L858" s="87" t="s">
        <v>101</v>
      </c>
      <c r="M858" s="12"/>
      <c r="N858" s="28"/>
      <c r="P858" s="29"/>
    </row>
    <row r="859" spans="1:16" ht="16.5" customHeight="1" x14ac:dyDescent="0.25">
      <c r="A859" s="48"/>
      <c r="B859" s="39" t="s">
        <v>511</v>
      </c>
      <c r="C859" s="39"/>
      <c r="D859" s="39"/>
      <c r="E859" s="39"/>
      <c r="F859" s="39"/>
      <c r="G859" s="39"/>
      <c r="H859" s="39"/>
      <c r="I859" s="39"/>
      <c r="J859" s="39"/>
      <c r="K859" s="88"/>
      <c r="L859" s="87"/>
      <c r="M859" s="12"/>
      <c r="N859" s="28"/>
      <c r="P859" s="29"/>
    </row>
    <row r="860" spans="1:16" ht="16.5" customHeight="1" x14ac:dyDescent="0.25">
      <c r="A860" s="48"/>
      <c r="B860" s="39" t="s">
        <v>512</v>
      </c>
      <c r="C860" s="39"/>
      <c r="D860" s="39"/>
      <c r="E860" s="39"/>
      <c r="F860" s="39"/>
      <c r="G860" s="39"/>
      <c r="H860" s="39"/>
      <c r="I860" s="39"/>
      <c r="J860" s="39"/>
      <c r="K860" s="88" t="s">
        <v>101</v>
      </c>
      <c r="L860" s="87" t="s">
        <v>101</v>
      </c>
      <c r="M860" s="12"/>
      <c r="N860" s="28"/>
      <c r="P860" s="29"/>
    </row>
    <row r="861" spans="1:16" ht="16.5" customHeight="1" x14ac:dyDescent="0.25">
      <c r="A861" s="48"/>
      <c r="B861" s="39" t="s">
        <v>513</v>
      </c>
      <c r="C861" s="39"/>
      <c r="D861" s="39"/>
      <c r="E861" s="39"/>
      <c r="F861" s="39"/>
      <c r="G861" s="39"/>
      <c r="H861" s="39"/>
      <c r="I861" s="39"/>
      <c r="J861" s="39"/>
      <c r="K861" s="88"/>
      <c r="L861" s="87"/>
      <c r="M861" s="12"/>
      <c r="N861" s="28"/>
      <c r="P861" s="29"/>
    </row>
    <row r="862" spans="1:16" ht="16.5" customHeight="1" x14ac:dyDescent="0.25">
      <c r="A862" s="48"/>
      <c r="B862" s="39" t="s">
        <v>458</v>
      </c>
      <c r="C862" s="39"/>
      <c r="D862" s="39"/>
      <c r="E862" s="39"/>
      <c r="F862" s="39"/>
      <c r="G862" s="39"/>
      <c r="H862" s="39"/>
      <c r="I862" s="39"/>
      <c r="J862" s="39"/>
      <c r="K862" s="88" t="s">
        <v>101</v>
      </c>
      <c r="L862" s="87" t="s">
        <v>101</v>
      </c>
      <c r="M862" s="12"/>
      <c r="N862" s="28"/>
      <c r="P862" s="29"/>
    </row>
    <row r="863" spans="1:16" ht="16.5" customHeight="1" x14ac:dyDescent="0.25">
      <c r="A863" s="48"/>
      <c r="B863" s="39" t="s">
        <v>553</v>
      </c>
      <c r="C863" s="39"/>
      <c r="D863" s="39"/>
      <c r="E863" s="39"/>
      <c r="F863" s="39"/>
      <c r="G863" s="39"/>
      <c r="H863" s="39"/>
      <c r="I863" s="39"/>
      <c r="J863" s="39"/>
      <c r="K863" s="88"/>
      <c r="L863" s="87"/>
      <c r="M863" s="12"/>
      <c r="N863" s="28"/>
      <c r="P863" s="29"/>
    </row>
    <row r="864" spans="1:16" ht="16.5" customHeight="1" x14ac:dyDescent="0.25">
      <c r="A864" s="48"/>
      <c r="B864" s="39" t="s">
        <v>459</v>
      </c>
      <c r="C864" s="39"/>
      <c r="D864" s="39"/>
      <c r="E864" s="39"/>
      <c r="F864" s="39"/>
      <c r="G864" s="39"/>
      <c r="H864" s="39"/>
      <c r="I864" s="39"/>
      <c r="J864" s="39"/>
      <c r="K864" s="88" t="s">
        <v>101</v>
      </c>
      <c r="L864" s="87" t="s">
        <v>101</v>
      </c>
      <c r="M864" s="12"/>
      <c r="N864" s="28"/>
      <c r="P864" s="29"/>
    </row>
    <row r="865" spans="1:16" ht="16.5" customHeight="1" x14ac:dyDescent="0.25">
      <c r="A865" s="48"/>
      <c r="B865" s="39" t="s">
        <v>514</v>
      </c>
      <c r="C865" s="39"/>
      <c r="D865" s="39"/>
      <c r="E865" s="39"/>
      <c r="F865" s="39"/>
      <c r="G865" s="39"/>
      <c r="H865" s="39"/>
      <c r="I865" s="39"/>
      <c r="J865" s="39"/>
      <c r="K865" s="88" t="s">
        <v>101</v>
      </c>
      <c r="L865" s="87" t="s">
        <v>101</v>
      </c>
      <c r="M865" s="12"/>
      <c r="N865" s="28"/>
      <c r="P865" s="29"/>
    </row>
    <row r="866" spans="1:16" ht="16.5" customHeight="1" x14ac:dyDescent="0.25">
      <c r="A866" s="48"/>
      <c r="B866" s="39" t="s">
        <v>515</v>
      </c>
      <c r="C866" s="39"/>
      <c r="D866" s="39"/>
      <c r="E866" s="39"/>
      <c r="F866" s="39"/>
      <c r="G866" s="39"/>
      <c r="H866" s="39"/>
      <c r="I866" s="39"/>
      <c r="J866" s="39"/>
      <c r="K866" s="88"/>
      <c r="L866" s="87"/>
      <c r="M866" s="12"/>
      <c r="N866" s="28"/>
      <c r="P866" s="29"/>
    </row>
    <row r="867" spans="1:16" ht="16.5" customHeight="1" x14ac:dyDescent="0.25">
      <c r="A867" s="48"/>
      <c r="B867" s="39" t="s">
        <v>516</v>
      </c>
      <c r="C867" s="39"/>
      <c r="D867" s="39"/>
      <c r="E867" s="39"/>
      <c r="F867" s="39"/>
      <c r="G867" s="39"/>
      <c r="H867" s="39"/>
      <c r="I867" s="39"/>
      <c r="J867" s="39"/>
      <c r="K867" s="88" t="s">
        <v>101</v>
      </c>
      <c r="L867" s="87" t="s">
        <v>101</v>
      </c>
      <c r="M867" s="12"/>
      <c r="N867" s="28"/>
      <c r="P867" s="29"/>
    </row>
    <row r="868" spans="1:16" ht="16.5" customHeight="1" x14ac:dyDescent="0.25">
      <c r="A868" s="48"/>
      <c r="B868" s="39" t="s">
        <v>54</v>
      </c>
      <c r="C868" s="39"/>
      <c r="D868" s="39"/>
      <c r="E868" s="39"/>
      <c r="F868" s="39"/>
      <c r="G868" s="39"/>
      <c r="H868" s="39"/>
      <c r="I868" s="39"/>
      <c r="J868" s="39"/>
      <c r="K868" s="88"/>
      <c r="L868" s="87"/>
      <c r="M868" s="12"/>
      <c r="N868" s="28"/>
      <c r="P868" s="29"/>
    </row>
    <row r="869" spans="1:16" ht="16.5" customHeight="1" x14ac:dyDescent="0.25">
      <c r="A869" s="48"/>
      <c r="B869" s="39" t="s">
        <v>460</v>
      </c>
      <c r="C869" s="39"/>
      <c r="D869" s="39"/>
      <c r="E869" s="39"/>
      <c r="F869" s="39"/>
      <c r="G869" s="39"/>
      <c r="H869" s="39"/>
      <c r="I869" s="39"/>
      <c r="J869" s="39"/>
      <c r="K869" s="88" t="s">
        <v>101</v>
      </c>
      <c r="L869" s="87" t="s">
        <v>101</v>
      </c>
      <c r="M869" s="12"/>
      <c r="N869" s="28"/>
      <c r="P869" s="29"/>
    </row>
    <row r="870" spans="1:16" ht="16.5" customHeight="1" x14ac:dyDescent="0.25">
      <c r="A870" s="48"/>
      <c r="B870" s="39"/>
      <c r="C870" s="39"/>
      <c r="D870" s="39"/>
      <c r="E870" s="39"/>
      <c r="F870" s="39"/>
      <c r="G870" s="39"/>
      <c r="H870" s="39"/>
      <c r="I870" s="39"/>
      <c r="J870" s="39"/>
      <c r="K870" s="88"/>
      <c r="L870" s="87"/>
      <c r="M870" s="12"/>
      <c r="N870" s="28"/>
      <c r="P870" s="29"/>
    </row>
    <row r="871" spans="1:16" ht="16.5" customHeight="1" x14ac:dyDescent="0.25">
      <c r="A871" s="48"/>
      <c r="B871" s="39"/>
      <c r="C871" s="39"/>
      <c r="D871" s="39"/>
      <c r="E871" s="39"/>
      <c r="F871" s="39"/>
      <c r="G871" s="39"/>
      <c r="H871" s="39"/>
      <c r="I871" s="39"/>
      <c r="J871" s="39"/>
      <c r="K871" s="88"/>
      <c r="L871" s="87"/>
      <c r="M871" s="12"/>
      <c r="N871" s="28"/>
      <c r="P871" s="29"/>
    </row>
    <row r="872" spans="1:16" ht="16.5" customHeight="1" x14ac:dyDescent="0.25">
      <c r="A872" s="48"/>
      <c r="B872" s="39"/>
      <c r="C872" s="39"/>
      <c r="D872" s="39"/>
      <c r="E872" s="39"/>
      <c r="F872" s="39"/>
      <c r="G872" s="39"/>
      <c r="H872" s="39"/>
      <c r="I872" s="39"/>
      <c r="J872" s="39"/>
      <c r="K872" s="88"/>
      <c r="L872" s="87"/>
      <c r="M872" s="12"/>
      <c r="N872" s="28"/>
      <c r="P872" s="29"/>
    </row>
    <row r="873" spans="1:16" ht="16.5" customHeight="1" x14ac:dyDescent="0.25">
      <c r="A873" s="48"/>
      <c r="B873" s="39"/>
      <c r="C873" s="39"/>
      <c r="D873" s="39"/>
      <c r="E873" s="39"/>
      <c r="F873" s="39"/>
      <c r="G873" s="39"/>
      <c r="H873" s="39"/>
      <c r="I873" s="39"/>
      <c r="J873" s="39"/>
      <c r="K873" s="88"/>
      <c r="L873" s="87"/>
      <c r="M873" s="12"/>
      <c r="N873" s="28"/>
      <c r="P873" s="29"/>
    </row>
    <row r="874" spans="1:16" ht="16.5" customHeight="1" x14ac:dyDescent="0.25">
      <c r="A874" s="48"/>
      <c r="B874" s="39"/>
      <c r="C874" s="39"/>
      <c r="D874" s="39"/>
      <c r="E874" s="39"/>
      <c r="F874" s="39"/>
      <c r="G874" s="39"/>
      <c r="H874" s="39"/>
      <c r="I874" s="39"/>
      <c r="J874" s="39"/>
      <c r="K874" s="88"/>
      <c r="L874" s="87"/>
      <c r="M874" s="12"/>
      <c r="N874" s="28"/>
      <c r="P874" s="29"/>
    </row>
    <row r="875" spans="1:16" ht="16.5" customHeight="1" x14ac:dyDescent="0.25">
      <c r="A875" s="48"/>
      <c r="B875" s="39"/>
      <c r="C875" s="39"/>
      <c r="D875" s="39"/>
      <c r="E875" s="39"/>
      <c r="F875" s="39"/>
      <c r="G875" s="39"/>
      <c r="H875" s="39"/>
      <c r="I875" s="39"/>
      <c r="J875" s="29"/>
      <c r="K875" s="86"/>
      <c r="L875" s="87"/>
      <c r="M875" s="12"/>
      <c r="N875" s="28"/>
      <c r="P875" s="29"/>
    </row>
    <row r="876" spans="1:16" ht="16.5" customHeight="1" x14ac:dyDescent="0.25">
      <c r="A876" s="48"/>
      <c r="B876" s="39"/>
      <c r="C876" s="39"/>
      <c r="D876" s="39"/>
      <c r="E876" s="39"/>
      <c r="F876" s="39"/>
      <c r="G876" s="39"/>
      <c r="H876" s="39"/>
      <c r="I876" s="39"/>
      <c r="J876" s="29"/>
      <c r="K876" s="86"/>
      <c r="L876" s="87"/>
      <c r="M876" s="12"/>
      <c r="N876" s="28"/>
      <c r="P876" s="29"/>
    </row>
    <row r="877" spans="1:16" ht="16.5" customHeight="1" x14ac:dyDescent="0.25">
      <c r="A877" s="48"/>
      <c r="B877" s="39"/>
      <c r="C877" s="39"/>
      <c r="D877" s="39"/>
      <c r="E877" s="39"/>
      <c r="F877" s="39"/>
      <c r="G877" s="39"/>
      <c r="H877" s="39"/>
      <c r="I877" s="39"/>
      <c r="J877" s="29"/>
      <c r="K877" s="86"/>
      <c r="L877" s="87"/>
      <c r="M877" s="12"/>
      <c r="N877" s="28"/>
      <c r="P877" s="29"/>
    </row>
    <row r="878" spans="1:16" ht="16.5" customHeight="1" x14ac:dyDescent="0.25">
      <c r="A878" s="48"/>
      <c r="B878" s="39"/>
      <c r="C878" s="39"/>
      <c r="D878" s="39"/>
      <c r="E878" s="39"/>
      <c r="F878" s="39"/>
      <c r="G878" s="39"/>
      <c r="H878" s="39"/>
      <c r="I878" s="39"/>
      <c r="J878" s="29"/>
      <c r="K878" s="86"/>
      <c r="L878" s="87"/>
      <c r="M878" s="12"/>
      <c r="N878" s="28"/>
      <c r="P878" s="29"/>
    </row>
    <row r="879" spans="1:16" ht="16.5" customHeight="1" x14ac:dyDescent="0.25">
      <c r="A879" s="48"/>
      <c r="B879" s="39"/>
      <c r="C879" s="39"/>
      <c r="D879" s="39"/>
      <c r="E879" s="39"/>
      <c r="F879" s="39"/>
      <c r="G879" s="39"/>
      <c r="H879" s="39"/>
      <c r="I879" s="39"/>
      <c r="J879" s="29"/>
      <c r="K879" s="86"/>
      <c r="L879" s="87"/>
      <c r="M879" s="12"/>
      <c r="N879" s="28"/>
      <c r="P879" s="29"/>
    </row>
    <row r="880" spans="1:16" ht="16.5" customHeight="1" x14ac:dyDescent="0.25">
      <c r="A880" s="48"/>
      <c r="B880" s="39"/>
      <c r="C880" s="39"/>
      <c r="D880" s="39"/>
      <c r="E880" s="39"/>
      <c r="F880" s="39"/>
      <c r="G880" s="39"/>
      <c r="H880" s="39"/>
      <c r="I880" s="39"/>
      <c r="J880" s="29"/>
      <c r="K880" s="86"/>
      <c r="L880" s="87"/>
      <c r="M880" s="12"/>
      <c r="N880" s="28"/>
      <c r="P880" s="29"/>
    </row>
    <row r="881" spans="1:16" ht="16.5" customHeight="1" x14ac:dyDescent="0.25">
      <c r="A881" s="48"/>
      <c r="B881" s="39"/>
      <c r="C881" s="39"/>
      <c r="D881" s="39"/>
      <c r="E881" s="39"/>
      <c r="F881" s="39"/>
      <c r="G881" s="39"/>
      <c r="H881" s="39"/>
      <c r="I881" s="39"/>
      <c r="J881" s="29"/>
      <c r="K881" s="86"/>
      <c r="L881" s="87"/>
      <c r="M881" s="12"/>
      <c r="N881" s="28"/>
      <c r="P881" s="29"/>
    </row>
    <row r="882" spans="1:16" ht="16.5" customHeight="1" x14ac:dyDescent="0.25">
      <c r="A882" s="48"/>
      <c r="B882" s="39"/>
      <c r="C882" s="39"/>
      <c r="D882" s="39"/>
      <c r="E882" s="39"/>
      <c r="F882" s="39"/>
      <c r="G882" s="39"/>
      <c r="H882" s="39"/>
      <c r="I882" s="39"/>
      <c r="J882" s="29"/>
      <c r="K882" s="86"/>
      <c r="L882" s="87"/>
      <c r="M882" s="12"/>
      <c r="N882" s="28"/>
      <c r="P882" s="29"/>
    </row>
    <row r="883" spans="1:16" ht="16.5" customHeight="1" x14ac:dyDescent="0.25">
      <c r="A883" s="58"/>
      <c r="B883" s="59"/>
      <c r="C883" s="59"/>
      <c r="D883" s="59"/>
      <c r="E883" s="59"/>
      <c r="F883" s="59"/>
      <c r="G883" s="59"/>
      <c r="H883" s="59"/>
      <c r="I883" s="59"/>
      <c r="J883" s="32"/>
      <c r="K883" s="124"/>
      <c r="L883" s="125"/>
      <c r="M883" s="13"/>
      <c r="N883" s="30"/>
      <c r="O883" s="31"/>
      <c r="P883" s="32"/>
    </row>
    <row r="884" spans="1:16" ht="16.5" customHeight="1" x14ac:dyDescent="0.25">
      <c r="A884" s="48" t="s">
        <v>321</v>
      </c>
      <c r="B884" s="39"/>
      <c r="C884" s="39"/>
      <c r="D884" s="39"/>
      <c r="E884" s="39"/>
      <c r="F884" s="39"/>
      <c r="G884" s="39"/>
      <c r="H884" s="39"/>
      <c r="I884" s="39"/>
      <c r="J884" s="29"/>
      <c r="K884" s="86"/>
      <c r="L884" s="87"/>
      <c r="M884" s="12"/>
      <c r="N884" s="28"/>
      <c r="P884" s="29"/>
    </row>
    <row r="885" spans="1:16" ht="16.5" customHeight="1" x14ac:dyDescent="0.25">
      <c r="A885" s="48"/>
      <c r="B885" s="39" t="s">
        <v>290</v>
      </c>
      <c r="C885" s="39"/>
      <c r="D885" s="39"/>
      <c r="E885" s="39"/>
      <c r="F885" s="39"/>
      <c r="G885" s="39"/>
      <c r="H885" s="39"/>
      <c r="I885" s="39"/>
      <c r="J885" s="29"/>
      <c r="K885" s="86" t="s">
        <v>101</v>
      </c>
      <c r="L885" s="87" t="s">
        <v>101</v>
      </c>
      <c r="M885" s="12"/>
      <c r="N885" s="28"/>
      <c r="P885" s="29"/>
    </row>
    <row r="886" spans="1:16" ht="16.5" customHeight="1" x14ac:dyDescent="0.25">
      <c r="A886" s="48"/>
      <c r="B886" s="39" t="s">
        <v>291</v>
      </c>
      <c r="C886" s="39"/>
      <c r="D886" s="39"/>
      <c r="E886" s="39"/>
      <c r="F886" s="39"/>
      <c r="G886" s="39"/>
      <c r="H886" s="39"/>
      <c r="I886" s="39"/>
      <c r="J886" s="29"/>
      <c r="K886" s="86"/>
      <c r="L886" s="87"/>
      <c r="M886" s="12"/>
      <c r="N886" s="28"/>
      <c r="P886" s="29"/>
    </row>
    <row r="887" spans="1:16" ht="16.5" customHeight="1" x14ac:dyDescent="0.25">
      <c r="A887" s="48"/>
      <c r="B887" s="39" t="s">
        <v>461</v>
      </c>
      <c r="C887" s="39"/>
      <c r="D887" s="39"/>
      <c r="E887" s="39"/>
      <c r="F887" s="39"/>
      <c r="G887" s="39"/>
      <c r="H887" s="39"/>
      <c r="I887" s="39"/>
      <c r="J887" s="29"/>
      <c r="K887" s="86" t="s">
        <v>101</v>
      </c>
      <c r="L887" s="87" t="s">
        <v>101</v>
      </c>
      <c r="M887" s="12"/>
      <c r="N887" s="28"/>
      <c r="P887" s="29"/>
    </row>
    <row r="888" spans="1:16" ht="16.5" customHeight="1" x14ac:dyDescent="0.25">
      <c r="A888" s="48"/>
      <c r="B888" s="39"/>
      <c r="C888" s="39"/>
      <c r="D888" s="39"/>
      <c r="E888" s="39"/>
      <c r="F888" s="39"/>
      <c r="G888" s="39"/>
      <c r="H888" s="39"/>
      <c r="I888" s="39"/>
      <c r="J888" s="29"/>
      <c r="K888" s="86"/>
      <c r="L888" s="87"/>
      <c r="M888" s="12"/>
      <c r="N888" s="28"/>
      <c r="P888" s="29"/>
    </row>
    <row r="889" spans="1:16" ht="16.5" customHeight="1" x14ac:dyDescent="0.25">
      <c r="A889" s="48"/>
      <c r="B889" s="39"/>
      <c r="C889" s="39"/>
      <c r="D889" s="39"/>
      <c r="E889" s="39"/>
      <c r="F889" s="39"/>
      <c r="G889" s="39"/>
      <c r="H889" s="39"/>
      <c r="I889" s="39"/>
      <c r="J889" s="29"/>
      <c r="K889" s="86"/>
      <c r="L889" s="87"/>
      <c r="M889" s="12"/>
      <c r="N889" s="28"/>
      <c r="P889" s="29"/>
    </row>
    <row r="890" spans="1:16" ht="16.5" customHeight="1" x14ac:dyDescent="0.25">
      <c r="A890" s="48"/>
      <c r="B890" s="39"/>
      <c r="C890" s="39"/>
      <c r="D890" s="39"/>
      <c r="E890" s="39"/>
      <c r="F890" s="39"/>
      <c r="G890" s="39"/>
      <c r="H890" s="39"/>
      <c r="I890" s="39"/>
      <c r="J890" s="29"/>
      <c r="K890" s="86"/>
      <c r="L890" s="87"/>
      <c r="M890" s="12"/>
      <c r="N890" s="28"/>
      <c r="P890" s="29"/>
    </row>
    <row r="891" spans="1:16" ht="16.5" customHeight="1" x14ac:dyDescent="0.25">
      <c r="A891" s="48"/>
      <c r="B891" s="39"/>
      <c r="C891" s="39"/>
      <c r="D891" s="39"/>
      <c r="E891" s="39"/>
      <c r="F891" s="39"/>
      <c r="G891" s="39"/>
      <c r="H891" s="39"/>
      <c r="I891" s="39"/>
      <c r="J891" s="29"/>
      <c r="K891" s="86"/>
      <c r="L891" s="87"/>
      <c r="M891" s="12"/>
      <c r="N891" s="28"/>
      <c r="P891" s="29"/>
    </row>
    <row r="892" spans="1:16" ht="16.5" customHeight="1" x14ac:dyDescent="0.25">
      <c r="A892" s="48"/>
      <c r="B892" s="39"/>
      <c r="C892" s="39"/>
      <c r="D892" s="39"/>
      <c r="E892" s="39"/>
      <c r="F892" s="39"/>
      <c r="G892" s="39"/>
      <c r="H892" s="39"/>
      <c r="I892" s="39"/>
      <c r="J892" s="29"/>
      <c r="K892" s="86"/>
      <c r="L892" s="87"/>
      <c r="M892" s="12"/>
      <c r="N892" s="28"/>
      <c r="P892" s="29"/>
    </row>
    <row r="893" spans="1:16" ht="16.5" customHeight="1" x14ac:dyDescent="0.25">
      <c r="A893" s="48"/>
      <c r="B893" s="39"/>
      <c r="C893" s="39"/>
      <c r="D893" s="39"/>
      <c r="E893" s="39"/>
      <c r="F893" s="39"/>
      <c r="G893" s="39"/>
      <c r="H893" s="39"/>
      <c r="I893" s="39"/>
      <c r="J893" s="29"/>
      <c r="K893" s="86"/>
      <c r="L893" s="87"/>
      <c r="M893" s="12"/>
      <c r="N893" s="28"/>
      <c r="P893" s="29"/>
    </row>
    <row r="894" spans="1:16" ht="16.5" customHeight="1" x14ac:dyDescent="0.25">
      <c r="A894" s="58"/>
      <c r="B894" s="59"/>
      <c r="C894" s="59"/>
      <c r="D894" s="59"/>
      <c r="E894" s="59"/>
      <c r="F894" s="59"/>
      <c r="G894" s="59"/>
      <c r="H894" s="59"/>
      <c r="I894" s="59"/>
      <c r="J894" s="32"/>
      <c r="K894" s="74"/>
      <c r="L894" s="75"/>
      <c r="M894" s="13"/>
      <c r="N894" s="30"/>
      <c r="O894" s="31"/>
      <c r="P894" s="32"/>
    </row>
    <row r="895" spans="1:16" ht="16.5" customHeight="1" x14ac:dyDescent="0.25">
      <c r="A895" s="48" t="s">
        <v>322</v>
      </c>
      <c r="B895" s="39"/>
      <c r="C895" s="39"/>
      <c r="D895" s="39"/>
      <c r="E895" s="39"/>
      <c r="F895" s="39"/>
      <c r="G895" s="39"/>
      <c r="H895" s="39"/>
      <c r="I895" s="39"/>
      <c r="J895" s="29"/>
      <c r="L895" s="69"/>
      <c r="M895" s="12" t="s">
        <v>608</v>
      </c>
      <c r="N895" s="28"/>
      <c r="P895" s="29"/>
    </row>
    <row r="896" spans="1:16" ht="16.5" customHeight="1" x14ac:dyDescent="0.25">
      <c r="A896" s="48"/>
      <c r="B896" s="39" t="s">
        <v>624</v>
      </c>
      <c r="C896" s="39"/>
      <c r="D896" s="39"/>
      <c r="E896" s="39"/>
      <c r="F896" s="39"/>
      <c r="G896" s="39"/>
      <c r="H896" s="39"/>
      <c r="I896" s="39"/>
      <c r="J896" s="29"/>
      <c r="K896" s="86" t="s">
        <v>101</v>
      </c>
      <c r="L896" s="87" t="s">
        <v>101</v>
      </c>
      <c r="M896" s="12" t="s">
        <v>607</v>
      </c>
      <c r="N896" s="28"/>
      <c r="P896" s="29"/>
    </row>
    <row r="897" spans="1:16" ht="16.5" customHeight="1" x14ac:dyDescent="0.25">
      <c r="A897" s="48"/>
      <c r="B897" s="39" t="s">
        <v>116</v>
      </c>
      <c r="C897" s="39"/>
      <c r="D897" s="39"/>
      <c r="E897" s="39"/>
      <c r="F897" s="39"/>
      <c r="G897" s="39"/>
      <c r="H897" s="39"/>
      <c r="I897" s="39"/>
      <c r="J897" s="29"/>
      <c r="K897" s="86" t="s">
        <v>101</v>
      </c>
      <c r="L897" s="87" t="s">
        <v>101</v>
      </c>
      <c r="M897" s="12" t="s">
        <v>40</v>
      </c>
      <c r="N897" s="28"/>
      <c r="P897" s="29"/>
    </row>
    <row r="898" spans="1:16" ht="16.5" customHeight="1" x14ac:dyDescent="0.25">
      <c r="A898" s="48"/>
      <c r="B898" s="39"/>
      <c r="C898" s="39"/>
      <c r="D898" s="39"/>
      <c r="E898" s="39"/>
      <c r="F898" s="39"/>
      <c r="G898" s="39"/>
      <c r="H898" s="39"/>
      <c r="I898" s="39"/>
      <c r="J898" s="29"/>
      <c r="L898" s="69"/>
      <c r="M898" s="12"/>
      <c r="N898" s="28"/>
      <c r="P898" s="29"/>
    </row>
    <row r="899" spans="1:16" ht="16.5" customHeight="1" x14ac:dyDescent="0.25">
      <c r="A899" s="48"/>
      <c r="B899" s="39"/>
      <c r="C899" s="39"/>
      <c r="D899" s="39"/>
      <c r="E899" s="39"/>
      <c r="F899" s="39"/>
      <c r="G899" s="39"/>
      <c r="H899" s="39"/>
      <c r="I899" s="39"/>
      <c r="J899" s="29"/>
      <c r="L899" s="69"/>
      <c r="M899" s="12"/>
      <c r="N899" s="28"/>
      <c r="P899" s="29"/>
    </row>
    <row r="900" spans="1:16" ht="16.5" customHeight="1" x14ac:dyDescent="0.25">
      <c r="A900" s="48"/>
      <c r="B900" s="39"/>
      <c r="C900" s="39"/>
      <c r="D900" s="39"/>
      <c r="E900" s="39"/>
      <c r="F900" s="39"/>
      <c r="G900" s="39"/>
      <c r="H900" s="39"/>
      <c r="I900" s="39"/>
      <c r="J900" s="29"/>
      <c r="L900" s="69"/>
      <c r="M900" s="12"/>
      <c r="N900" s="28"/>
      <c r="P900" s="29"/>
    </row>
    <row r="901" spans="1:16" ht="16.5" customHeight="1" x14ac:dyDescent="0.25">
      <c r="A901" s="48"/>
      <c r="B901" s="39"/>
      <c r="C901" s="39"/>
      <c r="D901" s="39"/>
      <c r="E901" s="39"/>
      <c r="F901" s="39"/>
      <c r="G901" s="39"/>
      <c r="H901" s="39"/>
      <c r="I901" s="39"/>
      <c r="J901" s="29"/>
      <c r="L901" s="69"/>
      <c r="M901" s="12"/>
      <c r="N901" s="28"/>
      <c r="P901" s="29"/>
    </row>
    <row r="902" spans="1:16" ht="16.5" customHeight="1" x14ac:dyDescent="0.25">
      <c r="A902" s="58"/>
      <c r="B902" s="59"/>
      <c r="C902" s="59"/>
      <c r="D902" s="59"/>
      <c r="E902" s="59"/>
      <c r="F902" s="59"/>
      <c r="G902" s="59"/>
      <c r="H902" s="59"/>
      <c r="I902" s="59"/>
      <c r="J902" s="32"/>
      <c r="K902" s="74"/>
      <c r="L902" s="75"/>
      <c r="M902" s="13"/>
      <c r="N902" s="30"/>
      <c r="O902" s="31"/>
      <c r="P902" s="32"/>
    </row>
    <row r="903" spans="1:16" ht="16.5" customHeight="1" x14ac:dyDescent="0.25">
      <c r="A903" s="48" t="s">
        <v>323</v>
      </c>
      <c r="B903" s="39"/>
      <c r="C903" s="39"/>
      <c r="D903" s="39"/>
      <c r="E903" s="39"/>
      <c r="F903" s="39"/>
      <c r="G903" s="39"/>
      <c r="H903" s="39"/>
      <c r="I903" s="39"/>
      <c r="J903" s="29"/>
      <c r="L903" s="69"/>
      <c r="M903" s="12"/>
      <c r="N903" s="28"/>
      <c r="P903" s="29"/>
    </row>
    <row r="904" spans="1:16" ht="16.5" customHeight="1" x14ac:dyDescent="0.25">
      <c r="A904" s="48"/>
      <c r="B904" s="39" t="s">
        <v>292</v>
      </c>
      <c r="C904" s="39"/>
      <c r="D904" s="39"/>
      <c r="E904" s="39"/>
      <c r="F904" s="39"/>
      <c r="G904" s="39"/>
      <c r="H904" s="39"/>
      <c r="I904" s="39"/>
      <c r="J904" s="29"/>
      <c r="K904" s="86" t="s">
        <v>101</v>
      </c>
      <c r="L904" s="87" t="s">
        <v>101</v>
      </c>
      <c r="M904" s="12"/>
      <c r="N904" s="28"/>
      <c r="P904" s="29"/>
    </row>
    <row r="905" spans="1:16" ht="16.5" customHeight="1" x14ac:dyDescent="0.25">
      <c r="A905" s="48"/>
      <c r="B905" s="39"/>
      <c r="C905" s="39"/>
      <c r="D905" s="39"/>
      <c r="E905" s="39"/>
      <c r="F905" s="39"/>
      <c r="G905" s="39"/>
      <c r="H905" s="39"/>
      <c r="I905" s="39"/>
      <c r="J905" s="29"/>
      <c r="L905" s="69"/>
      <c r="M905" s="12"/>
      <c r="N905" s="28"/>
      <c r="P905" s="29"/>
    </row>
    <row r="906" spans="1:16" ht="16.5" customHeight="1" x14ac:dyDescent="0.25">
      <c r="A906" s="48"/>
      <c r="B906" s="39"/>
      <c r="C906" s="39"/>
      <c r="D906" s="39"/>
      <c r="E906" s="39"/>
      <c r="F906" s="39"/>
      <c r="G906" s="39"/>
      <c r="H906" s="39"/>
      <c r="I906" s="39"/>
      <c r="J906" s="29"/>
      <c r="L906" s="69"/>
      <c r="M906" s="12"/>
      <c r="N906" s="28"/>
      <c r="P906" s="29"/>
    </row>
    <row r="907" spans="1:16" ht="16.5" customHeight="1" x14ac:dyDescent="0.25">
      <c r="A907" s="58"/>
      <c r="B907" s="31"/>
      <c r="C907" s="59"/>
      <c r="D907" s="59"/>
      <c r="E907" s="59"/>
      <c r="F907" s="59"/>
      <c r="G907" s="59"/>
      <c r="H907" s="59"/>
      <c r="I907" s="59"/>
      <c r="J907" s="32"/>
      <c r="K907" s="124"/>
      <c r="L907" s="125"/>
      <c r="M907" s="13"/>
      <c r="N907" s="30"/>
      <c r="O907" s="31"/>
      <c r="P907" s="32"/>
    </row>
    <row r="908" spans="1:16" ht="16.5" customHeight="1" x14ac:dyDescent="0.25">
      <c r="A908" s="48" t="s">
        <v>324</v>
      </c>
      <c r="B908" s="39"/>
      <c r="C908" s="39"/>
      <c r="D908" s="39"/>
      <c r="E908" s="39"/>
      <c r="F908" s="39"/>
      <c r="G908" s="39"/>
      <c r="H908" s="39"/>
      <c r="I908" s="39"/>
      <c r="J908" s="29"/>
      <c r="L908" s="69"/>
      <c r="M908" s="12" t="s">
        <v>41</v>
      </c>
      <c r="N908" s="28"/>
      <c r="P908" s="29"/>
    </row>
    <row r="909" spans="1:16" ht="16.5" customHeight="1" x14ac:dyDescent="0.25">
      <c r="A909" s="48"/>
      <c r="B909" s="39" t="s">
        <v>517</v>
      </c>
      <c r="C909" s="39"/>
      <c r="D909" s="39"/>
      <c r="E909" s="39"/>
      <c r="F909" s="39"/>
      <c r="G909" s="39"/>
      <c r="H909" s="39"/>
      <c r="I909" s="39"/>
      <c r="J909" s="29"/>
      <c r="K909" s="86" t="s">
        <v>101</v>
      </c>
      <c r="L909" s="87" t="s">
        <v>101</v>
      </c>
      <c r="M909" s="12" t="s">
        <v>42</v>
      </c>
      <c r="N909" s="28"/>
      <c r="P909" s="29"/>
    </row>
    <row r="910" spans="1:16" ht="16.5" customHeight="1" x14ac:dyDescent="0.25">
      <c r="A910" s="48"/>
      <c r="B910" s="39" t="s">
        <v>625</v>
      </c>
      <c r="C910" s="39"/>
      <c r="D910" s="39"/>
      <c r="E910" s="39"/>
      <c r="F910" s="39"/>
      <c r="G910" s="39"/>
      <c r="H910" s="39"/>
      <c r="I910" s="39"/>
      <c r="J910" s="29"/>
      <c r="K910" s="86" t="s">
        <v>101</v>
      </c>
      <c r="L910" s="87" t="s">
        <v>101</v>
      </c>
      <c r="M910" s="12"/>
      <c r="N910" s="28"/>
      <c r="P910" s="29"/>
    </row>
    <row r="911" spans="1:16" ht="16.5" customHeight="1" x14ac:dyDescent="0.25">
      <c r="A911" s="48"/>
      <c r="B911" s="39"/>
      <c r="C911" s="39"/>
      <c r="D911" s="39"/>
      <c r="E911" s="39"/>
      <c r="F911" s="39"/>
      <c r="G911" s="39"/>
      <c r="H911" s="39"/>
      <c r="I911" s="39"/>
      <c r="J911" s="29"/>
      <c r="K911" s="86"/>
      <c r="L911" s="87"/>
      <c r="M911" s="12"/>
      <c r="N911" s="28"/>
      <c r="P911" s="29"/>
    </row>
    <row r="912" spans="1:16" ht="16.5" customHeight="1" x14ac:dyDescent="0.25">
      <c r="A912" s="48"/>
      <c r="B912" s="39"/>
      <c r="C912" s="39"/>
      <c r="D912" s="39"/>
      <c r="E912" s="39"/>
      <c r="F912" s="39"/>
      <c r="G912" s="39"/>
      <c r="H912" s="39"/>
      <c r="I912" s="39"/>
      <c r="J912" s="29"/>
      <c r="L912" s="69"/>
      <c r="M912" s="12"/>
      <c r="N912" s="28"/>
      <c r="P912" s="29"/>
    </row>
    <row r="913" spans="1:16" ht="16.5" customHeight="1" x14ac:dyDescent="0.25">
      <c r="A913" s="48"/>
      <c r="B913" s="39"/>
      <c r="C913" s="39"/>
      <c r="D913" s="39"/>
      <c r="E913" s="39"/>
      <c r="F913" s="39"/>
      <c r="G913" s="39"/>
      <c r="H913" s="39"/>
      <c r="I913" s="39"/>
      <c r="J913" s="29"/>
      <c r="L913" s="69"/>
      <c r="M913" s="12"/>
      <c r="N913" s="28"/>
      <c r="P913" s="29"/>
    </row>
    <row r="914" spans="1:16" ht="16.5" customHeight="1" x14ac:dyDescent="0.25">
      <c r="A914" s="48"/>
      <c r="B914" s="39"/>
      <c r="C914" s="39"/>
      <c r="D914" s="39"/>
      <c r="E914" s="39"/>
      <c r="F914" s="39"/>
      <c r="G914" s="39"/>
      <c r="H914" s="39"/>
      <c r="I914" s="39"/>
      <c r="J914" s="29"/>
      <c r="L914" s="69"/>
      <c r="M914" s="12"/>
      <c r="N914" s="28"/>
      <c r="P914" s="29"/>
    </row>
    <row r="915" spans="1:16" ht="16.5" customHeight="1" x14ac:dyDescent="0.25">
      <c r="A915" s="48"/>
      <c r="B915" s="39"/>
      <c r="C915" s="39"/>
      <c r="D915" s="39"/>
      <c r="E915" s="39"/>
      <c r="F915" s="39"/>
      <c r="G915" s="39"/>
      <c r="H915" s="39"/>
      <c r="I915" s="39"/>
      <c r="J915" s="29"/>
      <c r="L915" s="69"/>
      <c r="M915" s="12"/>
      <c r="N915" s="28"/>
      <c r="P915" s="29"/>
    </row>
    <row r="916" spans="1:16" ht="16.5" customHeight="1" x14ac:dyDescent="0.25">
      <c r="A916" s="48"/>
      <c r="B916" s="39"/>
      <c r="C916" s="39"/>
      <c r="D916" s="39"/>
      <c r="E916" s="39"/>
      <c r="F916" s="39"/>
      <c r="G916" s="39"/>
      <c r="H916" s="39"/>
      <c r="I916" s="39"/>
      <c r="J916" s="29"/>
      <c r="L916" s="69"/>
      <c r="M916" s="12"/>
      <c r="N916" s="28"/>
      <c r="P916" s="29"/>
    </row>
    <row r="917" spans="1:16" ht="16.5" customHeight="1" x14ac:dyDescent="0.25">
      <c r="A917" s="48"/>
      <c r="B917" s="39"/>
      <c r="C917" s="39"/>
      <c r="D917" s="39"/>
      <c r="E917" s="39"/>
      <c r="F917" s="39"/>
      <c r="G917" s="39"/>
      <c r="H917" s="39"/>
      <c r="I917" s="39"/>
      <c r="J917" s="29"/>
      <c r="L917" s="69"/>
      <c r="M917" s="12"/>
      <c r="N917" s="28"/>
      <c r="P917" s="29"/>
    </row>
    <row r="918" spans="1:16" ht="16.5" customHeight="1" x14ac:dyDescent="0.25">
      <c r="A918" s="48"/>
      <c r="B918" s="39"/>
      <c r="C918" s="39"/>
      <c r="D918" s="39"/>
      <c r="E918" s="39"/>
      <c r="F918" s="39"/>
      <c r="G918" s="39"/>
      <c r="H918" s="39"/>
      <c r="I918" s="39"/>
      <c r="J918" s="29"/>
      <c r="L918" s="69"/>
      <c r="M918" s="12"/>
      <c r="N918" s="28"/>
      <c r="P918" s="29"/>
    </row>
    <row r="919" spans="1:16" ht="16.5" customHeight="1" x14ac:dyDescent="0.25">
      <c r="A919" s="48"/>
      <c r="B919" s="39"/>
      <c r="C919" s="39"/>
      <c r="D919" s="39"/>
      <c r="E919" s="39"/>
      <c r="F919" s="39"/>
      <c r="G919" s="39"/>
      <c r="H919" s="39"/>
      <c r="I919" s="39"/>
      <c r="J919" s="29"/>
      <c r="L919" s="69"/>
      <c r="M919" s="12"/>
      <c r="N919" s="28"/>
      <c r="P919" s="29"/>
    </row>
    <row r="920" spans="1:16" ht="16.5" customHeight="1" x14ac:dyDescent="0.25">
      <c r="A920" s="48"/>
      <c r="B920" s="39"/>
      <c r="C920" s="39"/>
      <c r="D920" s="39"/>
      <c r="E920" s="39"/>
      <c r="F920" s="39"/>
      <c r="G920" s="39"/>
      <c r="H920" s="39"/>
      <c r="I920" s="39"/>
      <c r="J920" s="29"/>
      <c r="L920" s="69"/>
      <c r="M920" s="12"/>
      <c r="N920" s="28"/>
      <c r="P920" s="29"/>
    </row>
    <row r="921" spans="1:16" ht="16.5" customHeight="1" x14ac:dyDescent="0.25">
      <c r="A921" s="48"/>
      <c r="B921" s="39"/>
      <c r="C921" s="39"/>
      <c r="D921" s="39"/>
      <c r="E921" s="39"/>
      <c r="F921" s="39"/>
      <c r="G921" s="39"/>
      <c r="H921" s="39"/>
      <c r="I921" s="39"/>
      <c r="J921" s="29"/>
      <c r="L921" s="69"/>
      <c r="M921" s="12"/>
      <c r="N921" s="28"/>
      <c r="P921" s="29"/>
    </row>
    <row r="922" spans="1:16" ht="16.5" customHeight="1" x14ac:dyDescent="0.25">
      <c r="A922" s="48"/>
      <c r="B922" s="39"/>
      <c r="C922" s="39"/>
      <c r="D922" s="39"/>
      <c r="E922" s="39"/>
      <c r="F922" s="39"/>
      <c r="G922" s="39"/>
      <c r="H922" s="39"/>
      <c r="I922" s="39"/>
      <c r="J922" s="29"/>
      <c r="L922" s="69"/>
      <c r="M922" s="12"/>
      <c r="N922" s="28"/>
      <c r="P922" s="29"/>
    </row>
    <row r="923" spans="1:16" ht="16.5" customHeight="1" x14ac:dyDescent="0.25">
      <c r="A923" s="48"/>
      <c r="B923" s="39"/>
      <c r="C923" s="39"/>
      <c r="D923" s="39"/>
      <c r="E923" s="39"/>
      <c r="F923" s="39"/>
      <c r="G923" s="39"/>
      <c r="H923" s="39"/>
      <c r="I923" s="39"/>
      <c r="J923" s="29"/>
      <c r="L923" s="69"/>
      <c r="M923" s="12"/>
      <c r="N923" s="28"/>
      <c r="P923" s="29"/>
    </row>
    <row r="924" spans="1:16" ht="16.5" customHeight="1" x14ac:dyDescent="0.25">
      <c r="A924" s="46" t="s">
        <v>325</v>
      </c>
      <c r="B924" s="47"/>
      <c r="C924" s="47"/>
      <c r="D924" s="47"/>
      <c r="E924" s="47"/>
      <c r="F924" s="47"/>
      <c r="G924" s="47"/>
      <c r="H924" s="47"/>
      <c r="I924" s="47"/>
      <c r="J924" s="27"/>
      <c r="K924" s="72"/>
      <c r="L924" s="73"/>
      <c r="M924" s="11"/>
      <c r="N924" s="25"/>
      <c r="O924" s="26"/>
      <c r="P924" s="27"/>
    </row>
    <row r="925" spans="1:16" ht="16.5" customHeight="1" x14ac:dyDescent="0.25">
      <c r="A925" s="48"/>
      <c r="B925" s="39" t="s">
        <v>118</v>
      </c>
      <c r="C925" s="39"/>
      <c r="D925" s="39"/>
      <c r="E925" s="39"/>
      <c r="F925" s="39"/>
      <c r="G925" s="39"/>
      <c r="H925" s="39"/>
      <c r="I925" s="39"/>
      <c r="J925" s="29"/>
      <c r="K925" s="86" t="s">
        <v>101</v>
      </c>
      <c r="L925" s="87" t="s">
        <v>101</v>
      </c>
      <c r="M925" s="12"/>
      <c r="N925" s="28"/>
      <c r="P925" s="29"/>
    </row>
    <row r="926" spans="1:16" ht="16.5" customHeight="1" x14ac:dyDescent="0.25">
      <c r="A926" s="48"/>
      <c r="B926" s="39" t="s">
        <v>117</v>
      </c>
      <c r="C926" s="39"/>
      <c r="D926" s="39"/>
      <c r="E926" s="39"/>
      <c r="F926" s="39"/>
      <c r="G926" s="39"/>
      <c r="H926" s="39"/>
      <c r="I926" s="39"/>
      <c r="J926" s="29"/>
      <c r="L926" s="69"/>
      <c r="M926" s="12"/>
      <c r="N926" s="28"/>
      <c r="P926" s="29"/>
    </row>
    <row r="927" spans="1:16" ht="16.5" customHeight="1" x14ac:dyDescent="0.25">
      <c r="A927" s="48"/>
      <c r="B927" s="39" t="s">
        <v>120</v>
      </c>
      <c r="C927" s="39"/>
      <c r="D927" s="39"/>
      <c r="E927" s="39"/>
      <c r="F927" s="39"/>
      <c r="G927" s="39"/>
      <c r="H927" s="39"/>
      <c r="I927" s="39"/>
      <c r="J927" s="29"/>
      <c r="K927" s="86" t="s">
        <v>101</v>
      </c>
      <c r="L927" s="87" t="s">
        <v>101</v>
      </c>
      <c r="M927" s="12"/>
      <c r="N927" s="28"/>
      <c r="P927" s="29"/>
    </row>
    <row r="928" spans="1:16" ht="16.5" customHeight="1" x14ac:dyDescent="0.25">
      <c r="A928" s="48"/>
      <c r="B928" s="39" t="s">
        <v>119</v>
      </c>
      <c r="C928" s="39"/>
      <c r="D928" s="39"/>
      <c r="E928" s="39"/>
      <c r="F928" s="39"/>
      <c r="G928" s="39"/>
      <c r="H928" s="39"/>
      <c r="I928" s="39"/>
      <c r="J928" s="29"/>
      <c r="L928" s="69"/>
      <c r="M928" s="12"/>
      <c r="N928" s="28"/>
      <c r="P928" s="29"/>
    </row>
    <row r="929" spans="1:16" ht="16.5" customHeight="1" x14ac:dyDescent="0.25">
      <c r="A929" s="48"/>
      <c r="B929" s="39"/>
      <c r="C929" s="39"/>
      <c r="D929" s="39"/>
      <c r="E929" s="39"/>
      <c r="F929" s="39"/>
      <c r="G929" s="39"/>
      <c r="H929" s="39"/>
      <c r="I929" s="39"/>
      <c r="J929" s="29"/>
      <c r="L929" s="69"/>
      <c r="M929" s="12"/>
      <c r="N929" s="28"/>
      <c r="P929" s="29"/>
    </row>
    <row r="930" spans="1:16" ht="16.5" customHeight="1" x14ac:dyDescent="0.25">
      <c r="A930" s="58"/>
      <c r="B930" s="59"/>
      <c r="C930" s="59"/>
      <c r="D930" s="59"/>
      <c r="E930" s="59"/>
      <c r="F930" s="59"/>
      <c r="G930" s="59"/>
      <c r="H930" s="59"/>
      <c r="I930" s="59"/>
      <c r="J930" s="32"/>
      <c r="K930" s="74"/>
      <c r="L930" s="75"/>
      <c r="M930" s="13"/>
      <c r="N930" s="30"/>
      <c r="O930" s="31"/>
      <c r="P930" s="32"/>
    </row>
    <row r="931" spans="1:16" ht="16.5" customHeight="1" x14ac:dyDescent="0.25">
      <c r="A931" s="48" t="s">
        <v>326</v>
      </c>
      <c r="B931" s="39"/>
      <c r="C931" s="39"/>
      <c r="D931" s="39"/>
      <c r="E931" s="39"/>
      <c r="F931" s="39"/>
      <c r="G931" s="39"/>
      <c r="H931" s="39"/>
      <c r="I931" s="39"/>
      <c r="J931" s="29"/>
      <c r="L931" s="69"/>
      <c r="M931" s="12"/>
      <c r="N931" s="28"/>
      <c r="P931" s="29"/>
    </row>
    <row r="932" spans="1:16" ht="16.5" customHeight="1" x14ac:dyDescent="0.25">
      <c r="A932" s="48"/>
      <c r="B932" s="39" t="s">
        <v>518</v>
      </c>
      <c r="C932" s="39"/>
      <c r="D932" s="39"/>
      <c r="E932" s="39"/>
      <c r="F932" s="39"/>
      <c r="G932" s="39"/>
      <c r="H932" s="39"/>
      <c r="I932" s="39"/>
      <c r="J932" s="29"/>
      <c r="K932" s="86" t="s">
        <v>101</v>
      </c>
      <c r="L932" s="87" t="s">
        <v>101</v>
      </c>
      <c r="M932" s="12" t="s">
        <v>585</v>
      </c>
      <c r="N932" s="28"/>
      <c r="P932" s="29"/>
    </row>
    <row r="933" spans="1:16" ht="16.5" customHeight="1" x14ac:dyDescent="0.25">
      <c r="A933" s="48"/>
      <c r="B933" s="39" t="s">
        <v>659</v>
      </c>
      <c r="C933" s="39"/>
      <c r="D933" s="39"/>
      <c r="E933" s="39"/>
      <c r="F933" s="39"/>
      <c r="G933" s="39"/>
      <c r="H933" s="39"/>
      <c r="I933" s="39"/>
      <c r="J933" s="29"/>
      <c r="K933" s="86" t="s">
        <v>101</v>
      </c>
      <c r="L933" s="87" t="s">
        <v>101</v>
      </c>
      <c r="M933" s="12" t="s">
        <v>529</v>
      </c>
      <c r="N933" s="28"/>
      <c r="P933" s="29"/>
    </row>
    <row r="934" spans="1:16" ht="16.5" customHeight="1" x14ac:dyDescent="0.25">
      <c r="A934" s="48"/>
      <c r="B934" s="39" t="s">
        <v>660</v>
      </c>
      <c r="C934" s="39"/>
      <c r="D934" s="39"/>
      <c r="E934" s="39"/>
      <c r="F934" s="39"/>
      <c r="G934" s="39"/>
      <c r="H934" s="39"/>
      <c r="I934" s="39"/>
      <c r="J934" s="29"/>
      <c r="K934" s="86"/>
      <c r="L934" s="87"/>
      <c r="M934" s="12" t="s">
        <v>530</v>
      </c>
      <c r="N934" s="28"/>
      <c r="P934" s="29"/>
    </row>
    <row r="935" spans="1:16" ht="16.5" customHeight="1" x14ac:dyDescent="0.25">
      <c r="A935" s="48"/>
      <c r="B935" s="39" t="s">
        <v>661</v>
      </c>
      <c r="C935" s="39"/>
      <c r="D935" s="39"/>
      <c r="E935" s="39"/>
      <c r="F935" s="39"/>
      <c r="G935" s="39"/>
      <c r="H935" s="39"/>
      <c r="I935" s="39"/>
      <c r="J935" s="29"/>
      <c r="K935" s="86"/>
      <c r="L935" s="87"/>
      <c r="M935" s="12"/>
      <c r="N935" s="28"/>
      <c r="P935" s="29"/>
    </row>
    <row r="936" spans="1:16" ht="16.5" customHeight="1" x14ac:dyDescent="0.25">
      <c r="A936" s="48"/>
      <c r="B936" s="39" t="s">
        <v>662</v>
      </c>
      <c r="C936" s="39"/>
      <c r="D936" s="39"/>
      <c r="E936" s="39"/>
      <c r="F936" s="39"/>
      <c r="G936" s="39"/>
      <c r="H936" s="39"/>
      <c r="I936" s="39"/>
      <c r="J936" s="29"/>
      <c r="K936" s="86" t="s">
        <v>101</v>
      </c>
      <c r="L936" s="87" t="s">
        <v>101</v>
      </c>
      <c r="M936" s="12" t="s">
        <v>519</v>
      </c>
      <c r="N936" s="28"/>
      <c r="P936" s="29"/>
    </row>
    <row r="937" spans="1:16" ht="16.5" customHeight="1" x14ac:dyDescent="0.25">
      <c r="A937" s="48"/>
      <c r="B937" s="39"/>
      <c r="C937" s="39"/>
      <c r="D937" s="39"/>
      <c r="E937" s="39"/>
      <c r="F937" s="39"/>
      <c r="G937" s="39"/>
      <c r="H937" s="39"/>
      <c r="I937" s="39"/>
      <c r="J937" s="29"/>
      <c r="K937" s="86"/>
      <c r="L937" s="87"/>
      <c r="M937" s="12" t="s">
        <v>520</v>
      </c>
      <c r="N937" s="28"/>
      <c r="P937" s="29"/>
    </row>
    <row r="938" spans="1:16" ht="16.5" customHeight="1" x14ac:dyDescent="0.25">
      <c r="A938" s="48"/>
      <c r="B938" s="39" t="s">
        <v>663</v>
      </c>
      <c r="C938" s="39"/>
      <c r="D938" s="39"/>
      <c r="E938" s="39"/>
      <c r="F938" s="39"/>
      <c r="G938" s="39"/>
      <c r="H938" s="39"/>
      <c r="I938" s="39"/>
      <c r="J938" s="29"/>
      <c r="K938" s="86" t="s">
        <v>101</v>
      </c>
      <c r="L938" s="87" t="s">
        <v>101</v>
      </c>
      <c r="M938" s="12" t="s">
        <v>521</v>
      </c>
      <c r="N938" s="28"/>
      <c r="P938" s="29"/>
    </row>
    <row r="939" spans="1:16" ht="16.5" customHeight="1" x14ac:dyDescent="0.25">
      <c r="A939" s="48"/>
      <c r="B939" s="39" t="s">
        <v>664</v>
      </c>
      <c r="C939" s="39"/>
      <c r="D939" s="39"/>
      <c r="E939" s="39"/>
      <c r="F939" s="39"/>
      <c r="G939" s="39"/>
      <c r="H939" s="39"/>
      <c r="I939" s="39"/>
      <c r="J939" s="29"/>
      <c r="K939" s="86" t="s">
        <v>101</v>
      </c>
      <c r="L939" s="87" t="s">
        <v>101</v>
      </c>
      <c r="M939" s="12" t="s">
        <v>522</v>
      </c>
      <c r="N939" s="28"/>
      <c r="P939" s="29"/>
    </row>
    <row r="940" spans="1:16" ht="16.5" customHeight="1" x14ac:dyDescent="0.25">
      <c r="A940" s="48"/>
      <c r="B940" s="39" t="s">
        <v>54</v>
      </c>
      <c r="C940" s="39"/>
      <c r="D940" s="39"/>
      <c r="E940" s="39"/>
      <c r="F940" s="39"/>
      <c r="G940" s="39"/>
      <c r="H940" s="39"/>
      <c r="I940" s="39"/>
      <c r="J940" s="29"/>
      <c r="K940" s="86"/>
      <c r="L940" s="87"/>
      <c r="M940" s="12" t="s">
        <v>527</v>
      </c>
      <c r="N940" s="28"/>
      <c r="P940" s="29"/>
    </row>
    <row r="941" spans="1:16" ht="16.5" customHeight="1" x14ac:dyDescent="0.25">
      <c r="A941" s="48"/>
      <c r="B941" s="39" t="s">
        <v>665</v>
      </c>
      <c r="C941" s="39"/>
      <c r="D941" s="39"/>
      <c r="E941" s="39"/>
      <c r="F941" s="39"/>
      <c r="G941" s="39"/>
      <c r="H941" s="39"/>
      <c r="I941" s="39"/>
      <c r="J941" s="29"/>
      <c r="K941" s="86" t="s">
        <v>101</v>
      </c>
      <c r="L941" s="87" t="s">
        <v>101</v>
      </c>
      <c r="M941" s="12" t="s">
        <v>43</v>
      </c>
      <c r="N941" s="28"/>
      <c r="P941" s="29"/>
    </row>
    <row r="942" spans="1:16" ht="16.5" customHeight="1" x14ac:dyDescent="0.25">
      <c r="A942" s="48"/>
      <c r="B942" s="39" t="s">
        <v>158</v>
      </c>
      <c r="C942" s="39"/>
      <c r="D942" s="39"/>
      <c r="E942" s="39"/>
      <c r="F942" s="39"/>
      <c r="G942" s="39"/>
      <c r="H942" s="39"/>
      <c r="I942" s="39"/>
      <c r="J942" s="29"/>
      <c r="L942" s="69"/>
      <c r="M942" s="12" t="s">
        <v>33</v>
      </c>
      <c r="N942" s="28"/>
      <c r="P942" s="29"/>
    </row>
    <row r="943" spans="1:16" ht="16.5" customHeight="1" x14ac:dyDescent="0.25">
      <c r="A943" s="48"/>
      <c r="B943" s="39" t="s">
        <v>666</v>
      </c>
      <c r="C943" s="39"/>
      <c r="D943" s="39"/>
      <c r="E943" s="39"/>
      <c r="F943" s="39"/>
      <c r="G943" s="39"/>
      <c r="H943" s="39"/>
      <c r="I943" s="39"/>
      <c r="J943" s="29"/>
      <c r="K943" s="86" t="s">
        <v>101</v>
      </c>
      <c r="L943" s="87" t="s">
        <v>101</v>
      </c>
      <c r="M943" s="12" t="s">
        <v>583</v>
      </c>
      <c r="N943" s="28"/>
      <c r="P943" s="29"/>
    </row>
    <row r="944" spans="1:16" ht="16.5" customHeight="1" x14ac:dyDescent="0.25">
      <c r="A944" s="48"/>
      <c r="B944" s="39"/>
      <c r="C944" s="39"/>
      <c r="D944" s="39"/>
      <c r="E944" s="39"/>
      <c r="F944" s="39"/>
      <c r="G944" s="39"/>
      <c r="H944" s="39"/>
      <c r="I944" s="39"/>
      <c r="J944" s="29"/>
      <c r="L944" s="69"/>
      <c r="M944" s="12" t="s">
        <v>584</v>
      </c>
      <c r="N944" s="28"/>
      <c r="P944" s="29"/>
    </row>
    <row r="945" spans="1:16" ht="16.5" customHeight="1" x14ac:dyDescent="0.25">
      <c r="A945" s="48"/>
      <c r="B945" s="39"/>
      <c r="C945" s="39"/>
      <c r="D945" s="39"/>
      <c r="E945" s="39"/>
      <c r="F945" s="39"/>
      <c r="G945" s="39"/>
      <c r="H945" s="39"/>
      <c r="I945" s="39"/>
      <c r="J945" s="29"/>
      <c r="L945" s="69"/>
      <c r="M945" s="12"/>
      <c r="N945" s="28"/>
      <c r="P945" s="29"/>
    </row>
    <row r="946" spans="1:16" ht="16.5" customHeight="1" x14ac:dyDescent="0.25">
      <c r="A946" s="48"/>
      <c r="B946" s="39"/>
      <c r="C946" s="39"/>
      <c r="D946" s="39"/>
      <c r="E946" s="39"/>
      <c r="F946" s="39"/>
      <c r="G946" s="39"/>
      <c r="H946" s="39"/>
      <c r="I946" s="39"/>
      <c r="J946" s="29"/>
      <c r="L946" s="69"/>
      <c r="M946" s="12"/>
      <c r="N946" s="28"/>
      <c r="P946" s="29"/>
    </row>
    <row r="947" spans="1:16" ht="16.5" customHeight="1" x14ac:dyDescent="0.25">
      <c r="A947" s="48"/>
      <c r="B947" s="39"/>
      <c r="C947" s="39"/>
      <c r="D947" s="39"/>
      <c r="E947" s="39"/>
      <c r="F947" s="39"/>
      <c r="G947" s="39"/>
      <c r="H947" s="39"/>
      <c r="I947" s="39"/>
      <c r="J947" s="29"/>
      <c r="L947" s="69"/>
      <c r="M947" s="12"/>
      <c r="N947" s="28"/>
      <c r="P947" s="29"/>
    </row>
    <row r="948" spans="1:16" ht="16.5" customHeight="1" x14ac:dyDescent="0.25">
      <c r="A948" s="48"/>
      <c r="B948" s="39"/>
      <c r="C948" s="39"/>
      <c r="D948" s="39"/>
      <c r="E948" s="39"/>
      <c r="F948" s="39"/>
      <c r="G948" s="39"/>
      <c r="H948" s="39"/>
      <c r="I948" s="39"/>
      <c r="J948" s="29"/>
      <c r="L948" s="69"/>
      <c r="M948" s="12"/>
      <c r="N948" s="28"/>
      <c r="P948" s="29"/>
    </row>
    <row r="949" spans="1:16" ht="16.5" customHeight="1" x14ac:dyDescent="0.25">
      <c r="A949" s="48"/>
      <c r="B949" s="39"/>
      <c r="C949" s="39"/>
      <c r="D949" s="39"/>
      <c r="E949" s="39"/>
      <c r="F949" s="39"/>
      <c r="G949" s="39"/>
      <c r="H949" s="39"/>
      <c r="I949" s="39"/>
      <c r="J949" s="29"/>
      <c r="L949" s="69"/>
      <c r="M949" s="12"/>
      <c r="N949" s="28"/>
      <c r="P949" s="29"/>
    </row>
    <row r="950" spans="1:16" ht="16.5" customHeight="1" x14ac:dyDescent="0.25">
      <c r="A950" s="48"/>
      <c r="B950" s="39"/>
      <c r="C950" s="39"/>
      <c r="D950" s="39"/>
      <c r="E950" s="39"/>
      <c r="F950" s="39"/>
      <c r="G950" s="39"/>
      <c r="H950" s="39"/>
      <c r="I950" s="39"/>
      <c r="J950" s="29"/>
      <c r="L950" s="69"/>
      <c r="M950" s="12"/>
      <c r="N950" s="28"/>
      <c r="P950" s="29"/>
    </row>
    <row r="951" spans="1:16" ht="16.5" customHeight="1" x14ac:dyDescent="0.25">
      <c r="A951" s="48"/>
      <c r="B951" s="39"/>
      <c r="C951" s="39"/>
      <c r="D951" s="39"/>
      <c r="E951" s="39"/>
      <c r="F951" s="39"/>
      <c r="G951" s="39"/>
      <c r="H951" s="39"/>
      <c r="I951" s="39"/>
      <c r="J951" s="29"/>
      <c r="L951" s="69"/>
      <c r="M951" s="12"/>
      <c r="N951" s="28"/>
      <c r="P951" s="29"/>
    </row>
    <row r="952" spans="1:16" ht="16.5" customHeight="1" x14ac:dyDescent="0.25">
      <c r="A952" s="48"/>
      <c r="B952" s="39"/>
      <c r="C952" s="39"/>
      <c r="D952" s="39"/>
      <c r="E952" s="39"/>
      <c r="F952" s="39"/>
      <c r="G952" s="39"/>
      <c r="H952" s="39"/>
      <c r="I952" s="39"/>
      <c r="J952" s="29"/>
      <c r="L952" s="69"/>
      <c r="M952" s="12"/>
      <c r="N952" s="28"/>
      <c r="P952" s="29"/>
    </row>
    <row r="953" spans="1:16" ht="16.5" customHeight="1" x14ac:dyDescent="0.25">
      <c r="A953" s="48"/>
      <c r="B953" s="39"/>
      <c r="C953" s="39"/>
      <c r="D953" s="39"/>
      <c r="E953" s="39"/>
      <c r="F953" s="39"/>
      <c r="G953" s="39"/>
      <c r="H953" s="39"/>
      <c r="I953" s="39"/>
      <c r="J953" s="29"/>
      <c r="L953" s="69"/>
      <c r="M953" s="12"/>
      <c r="N953" s="28"/>
      <c r="P953" s="29"/>
    </row>
    <row r="954" spans="1:16" ht="16.5" customHeight="1" x14ac:dyDescent="0.25">
      <c r="A954" s="48"/>
      <c r="B954" s="39"/>
      <c r="C954" s="39"/>
      <c r="D954" s="39"/>
      <c r="E954" s="39"/>
      <c r="F954" s="39"/>
      <c r="G954" s="39"/>
      <c r="H954" s="39"/>
      <c r="I954" s="39"/>
      <c r="J954" s="29"/>
      <c r="L954" s="69"/>
      <c r="M954" s="12"/>
      <c r="N954" s="28"/>
      <c r="P954" s="29"/>
    </row>
    <row r="955" spans="1:16" ht="16.5" customHeight="1" x14ac:dyDescent="0.25">
      <c r="A955" s="48"/>
      <c r="B955" s="39"/>
      <c r="C955" s="39"/>
      <c r="D955" s="39"/>
      <c r="E955" s="39"/>
      <c r="F955" s="39"/>
      <c r="G955" s="39"/>
      <c r="H955" s="39"/>
      <c r="I955" s="39"/>
      <c r="J955" s="29"/>
      <c r="L955" s="69"/>
      <c r="M955" s="12"/>
      <c r="N955" s="28"/>
      <c r="P955" s="29"/>
    </row>
    <row r="956" spans="1:16" ht="16.5" customHeight="1" x14ac:dyDescent="0.25">
      <c r="A956" s="48"/>
      <c r="B956" s="39"/>
      <c r="C956" s="39"/>
      <c r="D956" s="39"/>
      <c r="E956" s="39"/>
      <c r="F956" s="39"/>
      <c r="G956" s="39"/>
      <c r="H956" s="39"/>
      <c r="I956" s="39"/>
      <c r="J956" s="29"/>
      <c r="L956" s="69"/>
      <c r="M956" s="12"/>
      <c r="N956" s="28"/>
      <c r="P956" s="29"/>
    </row>
    <row r="957" spans="1:16" ht="16.5" customHeight="1" x14ac:dyDescent="0.25">
      <c r="A957" s="48"/>
      <c r="B957" s="39"/>
      <c r="C957" s="39"/>
      <c r="D957" s="39"/>
      <c r="E957" s="39"/>
      <c r="F957" s="39"/>
      <c r="G957" s="39"/>
      <c r="H957" s="39"/>
      <c r="I957" s="39"/>
      <c r="J957" s="29"/>
      <c r="L957" s="69"/>
      <c r="M957" s="12"/>
      <c r="N957" s="28"/>
      <c r="P957" s="29"/>
    </row>
    <row r="958" spans="1:16" ht="16.5" customHeight="1" x14ac:dyDescent="0.25">
      <c r="A958" s="48"/>
      <c r="B958" s="39"/>
      <c r="C958" s="39"/>
      <c r="D958" s="39"/>
      <c r="E958" s="39"/>
      <c r="F958" s="39"/>
      <c r="G958" s="39"/>
      <c r="H958" s="39"/>
      <c r="I958" s="39"/>
      <c r="J958" s="29"/>
      <c r="L958" s="69"/>
      <c r="M958" s="12"/>
      <c r="N958" s="28"/>
      <c r="P958" s="29"/>
    </row>
    <row r="959" spans="1:16" ht="16.5" customHeight="1" x14ac:dyDescent="0.25">
      <c r="A959" s="48"/>
      <c r="B959" s="39"/>
      <c r="C959" s="39"/>
      <c r="D959" s="39"/>
      <c r="E959" s="39"/>
      <c r="F959" s="39"/>
      <c r="G959" s="39"/>
      <c r="H959" s="39"/>
      <c r="I959" s="39"/>
      <c r="J959" s="29"/>
      <c r="L959" s="69"/>
      <c r="M959" s="12"/>
      <c r="N959" s="28"/>
      <c r="P959" s="29"/>
    </row>
    <row r="960" spans="1:16" ht="16.5" customHeight="1" x14ac:dyDescent="0.25">
      <c r="A960" s="48"/>
      <c r="B960" s="39"/>
      <c r="C960" s="39"/>
      <c r="D960" s="39"/>
      <c r="E960" s="39"/>
      <c r="F960" s="39"/>
      <c r="G960" s="39"/>
      <c r="H960" s="39"/>
      <c r="I960" s="39"/>
      <c r="J960" s="29"/>
      <c r="L960" s="69"/>
      <c r="M960" s="12"/>
      <c r="N960" s="28"/>
      <c r="P960" s="29"/>
    </row>
    <row r="961" spans="1:16" ht="16.5" customHeight="1" x14ac:dyDescent="0.25">
      <c r="A961" s="48"/>
      <c r="B961" s="39"/>
      <c r="C961" s="39"/>
      <c r="D961" s="39"/>
      <c r="E961" s="39"/>
      <c r="F961" s="39"/>
      <c r="G961" s="39"/>
      <c r="H961" s="39"/>
      <c r="I961" s="39"/>
      <c r="J961" s="29"/>
      <c r="L961" s="69"/>
      <c r="M961" s="12"/>
      <c r="N961" s="28"/>
      <c r="P961" s="29"/>
    </row>
    <row r="962" spans="1:16" ht="16.5" customHeight="1" x14ac:dyDescent="0.25">
      <c r="A962" s="48"/>
      <c r="B962" s="39"/>
      <c r="C962" s="39"/>
      <c r="D962" s="39"/>
      <c r="E962" s="39"/>
      <c r="F962" s="39"/>
      <c r="G962" s="39"/>
      <c r="H962" s="39"/>
      <c r="I962" s="39"/>
      <c r="J962" s="29"/>
      <c r="L962" s="69"/>
      <c r="M962" s="12"/>
      <c r="N962" s="28"/>
      <c r="P962" s="29"/>
    </row>
    <row r="963" spans="1:16" ht="16.5" customHeight="1" x14ac:dyDescent="0.25">
      <c r="A963" s="48"/>
      <c r="B963" s="39"/>
      <c r="C963" s="39"/>
      <c r="D963" s="39"/>
      <c r="E963" s="39"/>
      <c r="F963" s="39"/>
      <c r="G963" s="39"/>
      <c r="H963" s="39"/>
      <c r="I963" s="39"/>
      <c r="J963" s="29"/>
      <c r="L963" s="69"/>
      <c r="M963" s="12"/>
      <c r="N963" s="28"/>
      <c r="P963" s="29"/>
    </row>
    <row r="964" spans="1:16" ht="16.5" customHeight="1" x14ac:dyDescent="0.25">
      <c r="A964" s="48"/>
      <c r="B964" s="39"/>
      <c r="C964" s="39"/>
      <c r="D964" s="39"/>
      <c r="E964" s="39"/>
      <c r="F964" s="39"/>
      <c r="G964" s="39"/>
      <c r="H964" s="39"/>
      <c r="I964" s="39"/>
      <c r="J964" s="29"/>
      <c r="L964" s="69"/>
      <c r="M964" s="12"/>
      <c r="N964" s="28"/>
      <c r="P964" s="29"/>
    </row>
    <row r="965" spans="1:16" ht="16.5" customHeight="1" x14ac:dyDescent="0.25">
      <c r="A965" s="48"/>
      <c r="B965" s="39"/>
      <c r="C965" s="39"/>
      <c r="D965" s="39"/>
      <c r="E965" s="39"/>
      <c r="F965" s="39"/>
      <c r="G965" s="39"/>
      <c r="H965" s="39"/>
      <c r="I965" s="39"/>
      <c r="J965" s="29"/>
      <c r="L965" s="69"/>
      <c r="M965" s="12"/>
      <c r="N965" s="28"/>
      <c r="P965" s="29"/>
    </row>
    <row r="966" spans="1:16" ht="16.5" customHeight="1" x14ac:dyDescent="0.25">
      <c r="A966" s="48"/>
      <c r="B966" s="39"/>
      <c r="C966" s="39"/>
      <c r="D966" s="39"/>
      <c r="E966" s="39"/>
      <c r="F966" s="39"/>
      <c r="G966" s="39"/>
      <c r="H966" s="39"/>
      <c r="I966" s="39"/>
      <c r="J966" s="29"/>
      <c r="L966" s="69"/>
      <c r="M966" s="12"/>
      <c r="N966" s="28"/>
      <c r="P966" s="29"/>
    </row>
    <row r="967" spans="1:16" ht="16.5" customHeight="1" x14ac:dyDescent="0.25">
      <c r="A967" s="48"/>
      <c r="B967" s="39"/>
      <c r="C967" s="39"/>
      <c r="D967" s="39"/>
      <c r="E967" s="39"/>
      <c r="F967" s="39"/>
      <c r="G967" s="39"/>
      <c r="H967" s="39"/>
      <c r="I967" s="39"/>
      <c r="J967" s="29"/>
      <c r="L967" s="69"/>
      <c r="M967" s="12"/>
      <c r="N967" s="28"/>
      <c r="P967" s="29"/>
    </row>
    <row r="968" spans="1:16" ht="16.5" customHeight="1" x14ac:dyDescent="0.25">
      <c r="A968" s="48"/>
      <c r="B968" s="39"/>
      <c r="C968" s="39"/>
      <c r="D968" s="39"/>
      <c r="E968" s="39"/>
      <c r="F968" s="39"/>
      <c r="G968" s="39"/>
      <c r="H968" s="39"/>
      <c r="I968" s="39"/>
      <c r="J968" s="29"/>
      <c r="L968" s="69"/>
      <c r="M968" s="12"/>
      <c r="N968" s="28"/>
      <c r="P968" s="29"/>
    </row>
    <row r="969" spans="1:16" ht="16.5" customHeight="1" x14ac:dyDescent="0.25">
      <c r="A969" s="48"/>
      <c r="B969" s="39"/>
      <c r="C969" s="39"/>
      <c r="D969" s="39"/>
      <c r="E969" s="39"/>
      <c r="F969" s="39"/>
      <c r="G969" s="39"/>
      <c r="H969" s="39"/>
      <c r="I969" s="39"/>
      <c r="J969" s="29"/>
      <c r="L969" s="69"/>
      <c r="M969" s="12"/>
      <c r="N969" s="28"/>
      <c r="P969" s="29"/>
    </row>
    <row r="970" spans="1:16" ht="16.5" customHeight="1" x14ac:dyDescent="0.25">
      <c r="A970" s="48"/>
      <c r="B970" s="39"/>
      <c r="C970" s="39"/>
      <c r="D970" s="39"/>
      <c r="E970" s="39"/>
      <c r="F970" s="39"/>
      <c r="G970" s="39"/>
      <c r="H970" s="39"/>
      <c r="I970" s="39"/>
      <c r="J970" s="29"/>
      <c r="L970" s="69"/>
      <c r="M970" s="12"/>
      <c r="N970" s="28"/>
      <c r="P970" s="29"/>
    </row>
    <row r="971" spans="1:16" ht="16.5" customHeight="1" x14ac:dyDescent="0.25">
      <c r="A971" s="48"/>
      <c r="B971" s="39"/>
      <c r="C971" s="39"/>
      <c r="D971" s="39"/>
      <c r="E971" s="39"/>
      <c r="F971" s="39"/>
      <c r="G971" s="39"/>
      <c r="H971" s="39"/>
      <c r="I971" s="39"/>
      <c r="J971" s="29"/>
      <c r="L971" s="69"/>
      <c r="M971" s="12"/>
      <c r="N971" s="28"/>
      <c r="P971" s="29"/>
    </row>
    <row r="972" spans="1:16" ht="16.5" customHeight="1" x14ac:dyDescent="0.25">
      <c r="A972" s="48"/>
      <c r="B972" s="39"/>
      <c r="C972" s="39"/>
      <c r="D972" s="39"/>
      <c r="E972" s="39"/>
      <c r="F972" s="39"/>
      <c r="G972" s="39"/>
      <c r="H972" s="39"/>
      <c r="I972" s="39"/>
      <c r="J972" s="29"/>
      <c r="L972" s="69"/>
      <c r="M972" s="12"/>
      <c r="N972" s="28"/>
      <c r="P972" s="29"/>
    </row>
    <row r="973" spans="1:16" ht="16.5" customHeight="1" x14ac:dyDescent="0.25">
      <c r="A973" s="48"/>
      <c r="B973" s="39"/>
      <c r="C973" s="39"/>
      <c r="D973" s="39"/>
      <c r="E973" s="39"/>
      <c r="F973" s="39"/>
      <c r="G973" s="39"/>
      <c r="H973" s="39"/>
      <c r="I973" s="39"/>
      <c r="J973" s="29"/>
      <c r="L973" s="69"/>
      <c r="M973" s="12"/>
      <c r="N973" s="28"/>
      <c r="P973" s="29"/>
    </row>
    <row r="974" spans="1:16" ht="16.5" customHeight="1" x14ac:dyDescent="0.25">
      <c r="A974" s="48"/>
      <c r="B974" s="39"/>
      <c r="C974" s="39"/>
      <c r="D974" s="39"/>
      <c r="E974" s="39"/>
      <c r="F974" s="39"/>
      <c r="G974" s="39"/>
      <c r="H974" s="39"/>
      <c r="I974" s="39"/>
      <c r="J974" s="29"/>
      <c r="L974" s="69"/>
      <c r="M974" s="12"/>
      <c r="N974" s="28"/>
      <c r="P974" s="29"/>
    </row>
    <row r="975" spans="1:16" ht="16.5" customHeight="1" x14ac:dyDescent="0.25">
      <c r="A975" s="48"/>
      <c r="B975" s="39"/>
      <c r="C975" s="39"/>
      <c r="D975" s="39"/>
      <c r="E975" s="39"/>
      <c r="F975" s="39"/>
      <c r="G975" s="39"/>
      <c r="H975" s="39"/>
      <c r="I975" s="39"/>
      <c r="J975" s="29"/>
      <c r="L975" s="69"/>
      <c r="M975" s="12"/>
      <c r="N975" s="28"/>
      <c r="P975" s="29"/>
    </row>
    <row r="976" spans="1:16" ht="16.5" customHeight="1" x14ac:dyDescent="0.25">
      <c r="A976" s="48"/>
      <c r="B976" s="39"/>
      <c r="C976" s="39"/>
      <c r="D976" s="39"/>
      <c r="E976" s="39"/>
      <c r="F976" s="39"/>
      <c r="G976" s="39"/>
      <c r="H976" s="39"/>
      <c r="I976" s="39"/>
      <c r="J976" s="29"/>
      <c r="L976" s="69"/>
      <c r="M976" s="12"/>
      <c r="N976" s="28"/>
      <c r="P976" s="29"/>
    </row>
    <row r="977" spans="1:16" ht="16.5" customHeight="1" x14ac:dyDescent="0.25">
      <c r="A977" s="58"/>
      <c r="B977" s="59"/>
      <c r="C977" s="59"/>
      <c r="D977" s="59"/>
      <c r="E977" s="59"/>
      <c r="F977" s="59"/>
      <c r="G977" s="59"/>
      <c r="H977" s="59"/>
      <c r="I977" s="59"/>
      <c r="J977" s="32"/>
      <c r="K977" s="74"/>
      <c r="L977" s="75"/>
      <c r="M977" s="13"/>
      <c r="N977" s="30"/>
      <c r="O977" s="31"/>
      <c r="P977" s="32"/>
    </row>
    <row r="978" spans="1:16" ht="16.5" customHeight="1" x14ac:dyDescent="0.25">
      <c r="A978" s="48" t="s">
        <v>570</v>
      </c>
      <c r="B978" s="39"/>
      <c r="C978" s="39"/>
      <c r="D978" s="39"/>
      <c r="E978" s="39"/>
      <c r="F978" s="39"/>
      <c r="G978" s="39"/>
      <c r="H978" s="39"/>
      <c r="I978" s="39"/>
      <c r="J978" s="29"/>
      <c r="L978" s="69"/>
      <c r="M978" s="12"/>
      <c r="N978" s="28"/>
      <c r="P978" s="29"/>
    </row>
    <row r="979" spans="1:16" ht="16.5" customHeight="1" x14ac:dyDescent="0.25">
      <c r="A979" s="48"/>
      <c r="B979" s="39" t="s">
        <v>609</v>
      </c>
      <c r="C979" s="39"/>
      <c r="D979" s="39"/>
      <c r="E979" s="39"/>
      <c r="F979" s="39"/>
      <c r="G979" s="39"/>
      <c r="H979" s="39"/>
      <c r="I979" s="39"/>
      <c r="J979" s="29"/>
      <c r="K979" s="86" t="s">
        <v>101</v>
      </c>
      <c r="L979" s="87" t="s">
        <v>101</v>
      </c>
      <c r="M979" s="12" t="s">
        <v>526</v>
      </c>
      <c r="N979" s="28"/>
      <c r="P979" s="29"/>
    </row>
    <row r="980" spans="1:16" ht="16.5" customHeight="1" x14ac:dyDescent="0.25">
      <c r="A980" s="48"/>
      <c r="B980" s="39" t="s">
        <v>610</v>
      </c>
      <c r="C980" s="39"/>
      <c r="D980" s="39"/>
      <c r="E980" s="39"/>
      <c r="F980" s="39"/>
      <c r="G980" s="39"/>
      <c r="H980" s="39"/>
      <c r="I980" s="39"/>
      <c r="J980" s="29"/>
      <c r="L980" s="69"/>
      <c r="M980" s="12"/>
      <c r="N980" s="28"/>
      <c r="P980" s="29"/>
    </row>
    <row r="981" spans="1:16" ht="16.5" customHeight="1" x14ac:dyDescent="0.25">
      <c r="A981" s="48"/>
      <c r="B981" s="39" t="s">
        <v>523</v>
      </c>
      <c r="C981" s="39"/>
      <c r="D981" s="39"/>
      <c r="E981" s="39"/>
      <c r="F981" s="39"/>
      <c r="G981" s="39"/>
      <c r="H981" s="39"/>
      <c r="I981" s="39"/>
      <c r="J981" s="29"/>
      <c r="K981" s="86" t="s">
        <v>101</v>
      </c>
      <c r="L981" s="87" t="s">
        <v>101</v>
      </c>
      <c r="M981" s="12" t="s">
        <v>38</v>
      </c>
      <c r="N981" s="28"/>
      <c r="P981" s="29"/>
    </row>
    <row r="982" spans="1:16" ht="16.5" customHeight="1" x14ac:dyDescent="0.25">
      <c r="A982" s="48"/>
      <c r="B982" s="39" t="s">
        <v>524</v>
      </c>
      <c r="C982" s="39"/>
      <c r="D982" s="39"/>
      <c r="E982" s="39"/>
      <c r="F982" s="39"/>
      <c r="G982" s="39"/>
      <c r="H982" s="39"/>
      <c r="I982" s="39"/>
      <c r="J982" s="29"/>
      <c r="K982" s="86" t="s">
        <v>101</v>
      </c>
      <c r="L982" s="87" t="s">
        <v>101</v>
      </c>
      <c r="M982" s="12" t="s">
        <v>33</v>
      </c>
      <c r="N982" s="28"/>
      <c r="P982" s="29"/>
    </row>
    <row r="983" spans="1:16" ht="16.5" customHeight="1" x14ac:dyDescent="0.25">
      <c r="A983" s="48"/>
      <c r="B983" s="39" t="s">
        <v>164</v>
      </c>
      <c r="C983" s="39"/>
      <c r="D983" s="39"/>
      <c r="E983" s="39"/>
      <c r="F983" s="39"/>
      <c r="G983" s="39"/>
      <c r="H983" s="39"/>
      <c r="I983" s="39"/>
      <c r="J983" s="29"/>
      <c r="L983" s="69"/>
      <c r="M983" s="12"/>
      <c r="N983" s="28"/>
      <c r="P983" s="29"/>
    </row>
    <row r="984" spans="1:16" ht="16.5" customHeight="1" x14ac:dyDescent="0.25">
      <c r="A984" s="48"/>
      <c r="B984" s="39" t="s">
        <v>525</v>
      </c>
      <c r="C984" s="39"/>
      <c r="D984" s="39"/>
      <c r="E984" s="39"/>
      <c r="F984" s="39"/>
      <c r="G984" s="39"/>
      <c r="H984" s="39"/>
      <c r="I984" s="39"/>
      <c r="J984" s="29"/>
      <c r="K984" s="86" t="s">
        <v>101</v>
      </c>
      <c r="L984" s="87" t="s">
        <v>101</v>
      </c>
      <c r="M984" s="12" t="s">
        <v>583</v>
      </c>
      <c r="N984" s="28"/>
      <c r="P984" s="29"/>
    </row>
    <row r="985" spans="1:16" ht="16.5" customHeight="1" x14ac:dyDescent="0.25">
      <c r="A985" s="48"/>
      <c r="B985" s="39"/>
      <c r="C985" s="39"/>
      <c r="D985" s="39"/>
      <c r="E985" s="39"/>
      <c r="F985" s="39"/>
      <c r="G985" s="39"/>
      <c r="H985" s="39"/>
      <c r="I985" s="39"/>
      <c r="J985" s="29"/>
      <c r="L985" s="69"/>
      <c r="M985" s="12" t="s">
        <v>584</v>
      </c>
      <c r="N985" s="28"/>
      <c r="P985" s="29"/>
    </row>
    <row r="986" spans="1:16" ht="16.5" customHeight="1" x14ac:dyDescent="0.25">
      <c r="A986" s="48"/>
      <c r="B986" s="39"/>
      <c r="C986" s="39"/>
      <c r="D986" s="39"/>
      <c r="E986" s="39"/>
      <c r="F986" s="39"/>
      <c r="G986" s="39"/>
      <c r="H986" s="39"/>
      <c r="I986" s="39"/>
      <c r="J986" s="29"/>
      <c r="L986" s="69"/>
      <c r="M986" s="12"/>
      <c r="N986" s="28"/>
      <c r="P986" s="29"/>
    </row>
    <row r="987" spans="1:16" ht="16.5" customHeight="1" x14ac:dyDescent="0.25">
      <c r="A987" s="48"/>
      <c r="B987" s="39"/>
      <c r="C987" s="39"/>
      <c r="D987" s="39"/>
      <c r="E987" s="39"/>
      <c r="F987" s="39"/>
      <c r="G987" s="39"/>
      <c r="H987" s="39"/>
      <c r="I987" s="39"/>
      <c r="J987" s="29"/>
      <c r="L987" s="69"/>
      <c r="M987" s="12"/>
      <c r="N987" s="28"/>
      <c r="P987" s="29"/>
    </row>
    <row r="988" spans="1:16" ht="16.5" customHeight="1" x14ac:dyDescent="0.25">
      <c r="A988" s="48"/>
      <c r="B988" s="39"/>
      <c r="C988" s="39"/>
      <c r="D988" s="39"/>
      <c r="E988" s="39"/>
      <c r="F988" s="39"/>
      <c r="G988" s="39"/>
      <c r="H988" s="39"/>
      <c r="I988" s="39"/>
      <c r="J988" s="29"/>
      <c r="L988" s="69"/>
      <c r="M988" s="12"/>
      <c r="N988" s="28"/>
      <c r="P988" s="29"/>
    </row>
    <row r="989" spans="1:16" ht="16.5" customHeight="1" x14ac:dyDescent="0.25">
      <c r="A989" s="48"/>
      <c r="B989" s="39"/>
      <c r="C989" s="39"/>
      <c r="D989" s="39"/>
      <c r="E989" s="39"/>
      <c r="F989" s="39"/>
      <c r="G989" s="39"/>
      <c r="H989" s="39"/>
      <c r="I989" s="39"/>
      <c r="J989" s="29"/>
      <c r="L989" s="69"/>
      <c r="M989" s="12"/>
      <c r="N989" s="28"/>
      <c r="P989" s="29"/>
    </row>
    <row r="990" spans="1:16" ht="16.5" customHeight="1" x14ac:dyDescent="0.25">
      <c r="A990" s="48"/>
      <c r="B990" s="39"/>
      <c r="C990" s="39"/>
      <c r="D990" s="39"/>
      <c r="E990" s="39"/>
      <c r="F990" s="39"/>
      <c r="G990" s="39"/>
      <c r="H990" s="39"/>
      <c r="I990" s="39"/>
      <c r="J990" s="29"/>
      <c r="L990" s="69"/>
      <c r="M990" s="12"/>
      <c r="N990" s="28"/>
      <c r="P990" s="29"/>
    </row>
    <row r="991" spans="1:16" ht="16.5" customHeight="1" x14ac:dyDescent="0.25">
      <c r="A991" s="48"/>
      <c r="B991" s="39"/>
      <c r="C991" s="39"/>
      <c r="D991" s="39"/>
      <c r="E991" s="39"/>
      <c r="F991" s="39"/>
      <c r="G991" s="39"/>
      <c r="H991" s="39"/>
      <c r="I991" s="39"/>
      <c r="J991" s="29"/>
      <c r="L991" s="69"/>
      <c r="M991" s="12"/>
      <c r="N991" s="28"/>
      <c r="P991" s="29"/>
    </row>
    <row r="992" spans="1:16" ht="16.5" customHeight="1" x14ac:dyDescent="0.25">
      <c r="A992" s="48"/>
      <c r="B992" s="39"/>
      <c r="C992" s="39"/>
      <c r="D992" s="39"/>
      <c r="E992" s="39"/>
      <c r="F992" s="39"/>
      <c r="G992" s="39"/>
      <c r="H992" s="39"/>
      <c r="I992" s="39"/>
      <c r="J992" s="29"/>
      <c r="L992" s="69"/>
      <c r="M992" s="12"/>
      <c r="N992" s="28"/>
      <c r="P992" s="29"/>
    </row>
    <row r="993" spans="1:16" ht="16.5" customHeight="1" x14ac:dyDescent="0.25">
      <c r="A993" s="48"/>
      <c r="B993" s="39"/>
      <c r="C993" s="39"/>
      <c r="D993" s="39"/>
      <c r="E993" s="39"/>
      <c r="F993" s="39"/>
      <c r="G993" s="39"/>
      <c r="H993" s="39"/>
      <c r="I993" s="39"/>
      <c r="J993" s="29"/>
      <c r="L993" s="69"/>
      <c r="M993" s="12"/>
      <c r="N993" s="28"/>
      <c r="P993" s="29"/>
    </row>
    <row r="994" spans="1:16" ht="16.5" customHeight="1" x14ac:dyDescent="0.25">
      <c r="A994" s="48"/>
      <c r="B994" s="39"/>
      <c r="C994" s="39"/>
      <c r="D994" s="39"/>
      <c r="E994" s="39"/>
      <c r="F994" s="39"/>
      <c r="G994" s="39"/>
      <c r="H994" s="39"/>
      <c r="I994" s="39"/>
      <c r="J994" s="29"/>
      <c r="L994" s="69"/>
      <c r="M994" s="12"/>
      <c r="N994" s="28"/>
      <c r="P994" s="29"/>
    </row>
    <row r="995" spans="1:16" ht="16.5" customHeight="1" x14ac:dyDescent="0.25">
      <c r="A995" s="48"/>
      <c r="B995" s="39"/>
      <c r="C995" s="39"/>
      <c r="D995" s="39"/>
      <c r="E995" s="39"/>
      <c r="F995" s="39"/>
      <c r="G995" s="39"/>
      <c r="H995" s="39"/>
      <c r="I995" s="39"/>
      <c r="J995" s="29"/>
      <c r="L995" s="69"/>
      <c r="M995" s="12"/>
      <c r="N995" s="28"/>
      <c r="P995" s="29"/>
    </row>
    <row r="996" spans="1:16" ht="16.5" customHeight="1" x14ac:dyDescent="0.25">
      <c r="A996" s="48"/>
      <c r="B996" s="39"/>
      <c r="C996" s="39"/>
      <c r="D996" s="39"/>
      <c r="E996" s="39"/>
      <c r="F996" s="39"/>
      <c r="G996" s="39"/>
      <c r="H996" s="39"/>
      <c r="I996" s="39"/>
      <c r="J996" s="29"/>
      <c r="L996" s="69"/>
      <c r="M996" s="12"/>
      <c r="N996" s="28"/>
      <c r="P996" s="29"/>
    </row>
    <row r="997" spans="1:16" ht="16.5" customHeight="1" x14ac:dyDescent="0.25">
      <c r="A997" s="48"/>
      <c r="B997" s="39"/>
      <c r="C997" s="39"/>
      <c r="D997" s="39"/>
      <c r="E997" s="39"/>
      <c r="F997" s="39"/>
      <c r="G997" s="39"/>
      <c r="H997" s="39"/>
      <c r="I997" s="39"/>
      <c r="J997" s="29"/>
      <c r="L997" s="69"/>
      <c r="M997" s="12"/>
      <c r="N997" s="28"/>
      <c r="P997" s="29"/>
    </row>
    <row r="998" spans="1:16" ht="16.5" customHeight="1" x14ac:dyDescent="0.25">
      <c r="A998" s="48"/>
      <c r="B998" s="39"/>
      <c r="C998" s="39"/>
      <c r="D998" s="39"/>
      <c r="E998" s="39"/>
      <c r="F998" s="39"/>
      <c r="G998" s="39"/>
      <c r="H998" s="39"/>
      <c r="I998" s="39"/>
      <c r="J998" s="29"/>
      <c r="L998" s="69"/>
      <c r="M998" s="12"/>
      <c r="N998" s="28"/>
      <c r="P998" s="29"/>
    </row>
    <row r="999" spans="1:16" ht="16.5" customHeight="1" x14ac:dyDescent="0.25">
      <c r="A999" s="48"/>
      <c r="B999" s="39"/>
      <c r="C999" s="39"/>
      <c r="D999" s="39"/>
      <c r="E999" s="39"/>
      <c r="F999" s="39"/>
      <c r="G999" s="39"/>
      <c r="H999" s="39"/>
      <c r="I999" s="39"/>
      <c r="J999" s="29"/>
      <c r="L999" s="69"/>
      <c r="M999" s="12"/>
      <c r="N999" s="28"/>
      <c r="P999" s="29"/>
    </row>
    <row r="1000" spans="1:16" ht="16.5" customHeight="1" x14ac:dyDescent="0.25">
      <c r="A1000" s="48"/>
      <c r="B1000" s="39"/>
      <c r="C1000" s="39"/>
      <c r="D1000" s="39"/>
      <c r="E1000" s="39"/>
      <c r="F1000" s="39"/>
      <c r="G1000" s="39"/>
      <c r="H1000" s="39"/>
      <c r="I1000" s="39"/>
      <c r="J1000" s="29"/>
      <c r="L1000" s="69"/>
      <c r="M1000" s="12"/>
      <c r="N1000" s="28"/>
      <c r="P1000" s="29"/>
    </row>
    <row r="1001" spans="1:16" ht="16.5" customHeight="1" x14ac:dyDescent="0.25">
      <c r="A1001" s="48"/>
      <c r="B1001" s="39"/>
      <c r="C1001" s="39"/>
      <c r="D1001" s="39"/>
      <c r="E1001" s="39"/>
      <c r="F1001" s="39"/>
      <c r="G1001" s="39"/>
      <c r="H1001" s="39"/>
      <c r="I1001" s="39"/>
      <c r="J1001" s="29"/>
      <c r="L1001" s="69"/>
      <c r="M1001" s="12"/>
      <c r="N1001" s="28"/>
      <c r="P1001" s="29"/>
    </row>
    <row r="1002" spans="1:16" ht="16.5" customHeight="1" x14ac:dyDescent="0.25">
      <c r="A1002" s="48"/>
      <c r="B1002" s="39"/>
      <c r="C1002" s="39"/>
      <c r="D1002" s="39"/>
      <c r="E1002" s="39"/>
      <c r="F1002" s="39"/>
      <c r="G1002" s="39"/>
      <c r="H1002" s="39"/>
      <c r="I1002" s="39"/>
      <c r="J1002" s="29"/>
      <c r="L1002" s="69"/>
      <c r="M1002" s="12"/>
      <c r="N1002" s="28"/>
      <c r="P1002" s="29"/>
    </row>
    <row r="1003" spans="1:16" ht="16.5" customHeight="1" x14ac:dyDescent="0.25">
      <c r="A1003" s="48"/>
      <c r="B1003" s="39"/>
      <c r="C1003" s="39"/>
      <c r="D1003" s="39"/>
      <c r="E1003" s="39"/>
      <c r="F1003" s="39"/>
      <c r="G1003" s="39"/>
      <c r="H1003" s="39"/>
      <c r="I1003" s="39"/>
      <c r="J1003" s="29"/>
      <c r="L1003" s="69"/>
      <c r="M1003" s="12"/>
      <c r="N1003" s="28"/>
      <c r="P1003" s="29"/>
    </row>
    <row r="1004" spans="1:16" ht="16.5" customHeight="1" x14ac:dyDescent="0.25">
      <c r="A1004" s="48"/>
      <c r="B1004" s="39"/>
      <c r="C1004" s="39"/>
      <c r="D1004" s="39"/>
      <c r="E1004" s="39"/>
      <c r="F1004" s="39"/>
      <c r="G1004" s="39"/>
      <c r="H1004" s="39"/>
      <c r="I1004" s="39"/>
      <c r="J1004" s="29"/>
      <c r="L1004" s="69"/>
      <c r="M1004" s="12"/>
      <c r="N1004" s="28"/>
      <c r="P1004" s="29"/>
    </row>
    <row r="1005" spans="1:16" ht="16.5" customHeight="1" x14ac:dyDescent="0.25">
      <c r="A1005" s="48"/>
      <c r="B1005" s="39"/>
      <c r="C1005" s="39"/>
      <c r="D1005" s="39"/>
      <c r="E1005" s="39"/>
      <c r="F1005" s="39"/>
      <c r="G1005" s="39"/>
      <c r="H1005" s="39"/>
      <c r="I1005" s="39"/>
      <c r="J1005" s="29"/>
      <c r="L1005" s="69"/>
      <c r="M1005" s="12"/>
      <c r="N1005" s="28"/>
      <c r="P1005" s="29"/>
    </row>
    <row r="1006" spans="1:16" ht="16.5" customHeight="1" x14ac:dyDescent="0.25">
      <c r="A1006" s="48"/>
      <c r="B1006" s="39"/>
      <c r="C1006" s="39"/>
      <c r="D1006" s="39"/>
      <c r="E1006" s="39"/>
      <c r="F1006" s="39"/>
      <c r="G1006" s="39"/>
      <c r="H1006" s="39"/>
      <c r="I1006" s="39"/>
      <c r="J1006" s="29"/>
      <c r="L1006" s="69"/>
      <c r="M1006" s="12"/>
      <c r="N1006" s="28"/>
      <c r="P1006" s="29"/>
    </row>
    <row r="1007" spans="1:16" ht="16.5" customHeight="1" x14ac:dyDescent="0.25">
      <c r="A1007" s="48"/>
      <c r="B1007" s="39"/>
      <c r="C1007" s="39"/>
      <c r="D1007" s="39"/>
      <c r="E1007" s="39"/>
      <c r="F1007" s="39"/>
      <c r="G1007" s="39"/>
      <c r="H1007" s="39"/>
      <c r="I1007" s="39"/>
      <c r="J1007" s="29"/>
      <c r="L1007" s="69"/>
      <c r="M1007" s="12"/>
      <c r="N1007" s="28"/>
      <c r="P1007" s="29"/>
    </row>
    <row r="1008" spans="1:16" ht="16.5" customHeight="1" x14ac:dyDescent="0.25">
      <c r="A1008" s="48"/>
      <c r="B1008" s="39"/>
      <c r="C1008" s="39"/>
      <c r="D1008" s="39"/>
      <c r="E1008" s="39"/>
      <c r="F1008" s="39"/>
      <c r="G1008" s="39"/>
      <c r="H1008" s="39"/>
      <c r="I1008" s="39"/>
      <c r="J1008" s="29"/>
      <c r="L1008" s="69"/>
      <c r="M1008" s="12"/>
      <c r="N1008" s="28"/>
      <c r="P1008" s="29"/>
    </row>
    <row r="1009" spans="1:16" ht="16.5" customHeight="1" x14ac:dyDescent="0.25">
      <c r="A1009" s="48"/>
      <c r="B1009" s="39"/>
      <c r="C1009" s="39"/>
      <c r="D1009" s="39"/>
      <c r="E1009" s="39"/>
      <c r="F1009" s="39"/>
      <c r="G1009" s="39"/>
      <c r="H1009" s="39"/>
      <c r="I1009" s="39"/>
      <c r="J1009" s="29"/>
      <c r="L1009" s="69"/>
      <c r="M1009" s="12"/>
      <c r="N1009" s="28"/>
      <c r="P1009" s="29"/>
    </row>
    <row r="1010" spans="1:16" ht="16.5" customHeight="1" x14ac:dyDescent="0.25">
      <c r="A1010" s="48"/>
      <c r="B1010" s="39"/>
      <c r="C1010" s="39"/>
      <c r="D1010" s="39"/>
      <c r="E1010" s="39"/>
      <c r="F1010" s="39"/>
      <c r="G1010" s="39"/>
      <c r="H1010" s="39"/>
      <c r="I1010" s="39"/>
      <c r="J1010" s="29"/>
      <c r="L1010" s="69"/>
      <c r="M1010" s="12"/>
      <c r="N1010" s="28"/>
      <c r="P1010" s="29"/>
    </row>
    <row r="1011" spans="1:16" ht="16.5" customHeight="1" x14ac:dyDescent="0.25">
      <c r="A1011" s="48"/>
      <c r="B1011" s="39"/>
      <c r="C1011" s="39"/>
      <c r="D1011" s="39"/>
      <c r="E1011" s="39"/>
      <c r="F1011" s="39"/>
      <c r="G1011" s="39"/>
      <c r="H1011" s="39"/>
      <c r="I1011" s="39"/>
      <c r="J1011" s="29"/>
      <c r="L1011" s="69"/>
      <c r="M1011" s="12"/>
      <c r="N1011" s="28"/>
      <c r="P1011" s="29"/>
    </row>
    <row r="1012" spans="1:16" ht="16.5" customHeight="1" x14ac:dyDescent="0.25">
      <c r="A1012" s="48"/>
      <c r="B1012" s="39"/>
      <c r="C1012" s="39"/>
      <c r="D1012" s="39"/>
      <c r="E1012" s="39"/>
      <c r="F1012" s="39"/>
      <c r="G1012" s="39"/>
      <c r="H1012" s="39"/>
      <c r="I1012" s="39"/>
      <c r="J1012" s="29"/>
      <c r="L1012" s="69"/>
      <c r="M1012" s="12"/>
      <c r="N1012" s="28"/>
      <c r="P1012" s="29"/>
    </row>
    <row r="1013" spans="1:16" ht="16.5" customHeight="1" x14ac:dyDescent="0.25">
      <c r="A1013" s="48"/>
      <c r="B1013" s="39"/>
      <c r="C1013" s="39"/>
      <c r="D1013" s="39"/>
      <c r="E1013" s="39"/>
      <c r="F1013" s="39"/>
      <c r="G1013" s="39"/>
      <c r="H1013" s="39"/>
      <c r="I1013" s="39"/>
      <c r="J1013" s="29"/>
      <c r="L1013" s="69"/>
      <c r="M1013" s="12"/>
      <c r="N1013" s="28"/>
      <c r="P1013" s="29"/>
    </row>
    <row r="1014" spans="1:16" ht="16.5" customHeight="1" x14ac:dyDescent="0.25">
      <c r="A1014" s="48"/>
      <c r="B1014" s="39"/>
      <c r="C1014" s="39"/>
      <c r="D1014" s="39"/>
      <c r="E1014" s="39"/>
      <c r="F1014" s="39"/>
      <c r="G1014" s="39"/>
      <c r="H1014" s="39"/>
      <c r="I1014" s="39"/>
      <c r="J1014" s="29"/>
      <c r="L1014" s="69"/>
      <c r="M1014" s="12"/>
      <c r="N1014" s="28"/>
      <c r="P1014" s="29"/>
    </row>
    <row r="1015" spans="1:16" ht="16.5" customHeight="1" x14ac:dyDescent="0.25">
      <c r="A1015" s="48"/>
      <c r="B1015" s="39"/>
      <c r="C1015" s="39"/>
      <c r="D1015" s="39"/>
      <c r="E1015" s="39"/>
      <c r="F1015" s="39"/>
      <c r="G1015" s="39"/>
      <c r="H1015" s="39"/>
      <c r="I1015" s="39"/>
      <c r="J1015" s="29"/>
      <c r="L1015" s="69"/>
      <c r="M1015" s="12"/>
      <c r="N1015" s="28"/>
      <c r="P1015" s="29"/>
    </row>
    <row r="1016" spans="1:16" ht="16.5" customHeight="1" x14ac:dyDescent="0.25">
      <c r="A1016" s="48"/>
      <c r="B1016" s="39"/>
      <c r="C1016" s="39"/>
      <c r="D1016" s="39"/>
      <c r="E1016" s="39"/>
      <c r="F1016" s="39"/>
      <c r="G1016" s="39"/>
      <c r="H1016" s="39"/>
      <c r="I1016" s="39"/>
      <c r="J1016" s="29"/>
      <c r="L1016" s="69"/>
      <c r="M1016" s="12"/>
      <c r="N1016" s="28"/>
      <c r="P1016" s="29"/>
    </row>
    <row r="1017" spans="1:16" ht="16.5" customHeight="1" x14ac:dyDescent="0.25">
      <c r="A1017" s="48"/>
      <c r="B1017" s="39"/>
      <c r="C1017" s="39"/>
      <c r="D1017" s="39"/>
      <c r="E1017" s="39"/>
      <c r="F1017" s="39"/>
      <c r="G1017" s="39"/>
      <c r="H1017" s="39"/>
      <c r="I1017" s="39"/>
      <c r="J1017" s="29"/>
      <c r="L1017" s="69"/>
      <c r="M1017" s="12"/>
      <c r="N1017" s="28"/>
      <c r="P1017" s="29"/>
    </row>
    <row r="1018" spans="1:16" ht="16.5" customHeight="1" x14ac:dyDescent="0.25">
      <c r="A1018" s="48"/>
      <c r="B1018" s="39"/>
      <c r="C1018" s="39"/>
      <c r="D1018" s="39"/>
      <c r="E1018" s="39"/>
      <c r="F1018" s="39"/>
      <c r="G1018" s="39"/>
      <c r="H1018" s="39"/>
      <c r="I1018" s="39"/>
      <c r="J1018" s="29"/>
      <c r="L1018" s="69"/>
      <c r="M1018" s="12"/>
      <c r="N1018" s="28"/>
      <c r="P1018" s="29"/>
    </row>
    <row r="1019" spans="1:16" ht="16.5" customHeight="1" x14ac:dyDescent="0.25">
      <c r="A1019" s="48"/>
      <c r="B1019" s="39"/>
      <c r="C1019" s="39"/>
      <c r="D1019" s="39"/>
      <c r="E1019" s="39"/>
      <c r="F1019" s="39"/>
      <c r="G1019" s="39"/>
      <c r="H1019" s="39"/>
      <c r="I1019" s="39"/>
      <c r="J1019" s="29"/>
      <c r="L1019" s="69"/>
      <c r="M1019" s="12"/>
      <c r="N1019" s="28"/>
      <c r="P1019" s="29"/>
    </row>
    <row r="1020" spans="1:16" ht="16.5" customHeight="1" x14ac:dyDescent="0.25">
      <c r="A1020" s="48"/>
      <c r="B1020" s="39"/>
      <c r="C1020" s="39"/>
      <c r="D1020" s="39"/>
      <c r="E1020" s="39"/>
      <c r="F1020" s="39"/>
      <c r="G1020" s="39"/>
      <c r="H1020" s="39"/>
      <c r="I1020" s="39"/>
      <c r="J1020" s="29"/>
      <c r="L1020" s="69"/>
      <c r="M1020" s="12"/>
      <c r="N1020" s="28"/>
      <c r="P1020" s="29"/>
    </row>
    <row r="1021" spans="1:16" ht="16.5" customHeight="1" x14ac:dyDescent="0.25">
      <c r="A1021" s="48"/>
      <c r="B1021" s="39"/>
      <c r="C1021" s="39"/>
      <c r="D1021" s="39"/>
      <c r="E1021" s="39"/>
      <c r="F1021" s="39"/>
      <c r="G1021" s="39"/>
      <c r="H1021" s="39"/>
      <c r="I1021" s="39"/>
      <c r="J1021" s="29"/>
      <c r="L1021" s="69"/>
      <c r="M1021" s="12"/>
      <c r="N1021" s="28"/>
      <c r="P1021" s="29"/>
    </row>
    <row r="1022" spans="1:16" ht="16.5" customHeight="1" x14ac:dyDescent="0.25">
      <c r="A1022" s="48"/>
      <c r="B1022" s="39"/>
      <c r="C1022" s="39"/>
      <c r="D1022" s="39"/>
      <c r="E1022" s="39"/>
      <c r="F1022" s="39"/>
      <c r="G1022" s="39"/>
      <c r="H1022" s="39"/>
      <c r="I1022" s="39"/>
      <c r="J1022" s="29"/>
      <c r="L1022" s="69"/>
      <c r="M1022" s="12"/>
      <c r="N1022" s="28"/>
      <c r="P1022" s="29"/>
    </row>
    <row r="1023" spans="1:16" ht="16.5" customHeight="1" x14ac:dyDescent="0.25">
      <c r="A1023" s="48"/>
      <c r="B1023" s="39"/>
      <c r="C1023" s="39"/>
      <c r="D1023" s="39"/>
      <c r="E1023" s="39"/>
      <c r="F1023" s="39"/>
      <c r="G1023" s="39"/>
      <c r="H1023" s="39"/>
      <c r="I1023" s="39"/>
      <c r="J1023" s="29"/>
      <c r="L1023" s="69"/>
      <c r="M1023" s="12"/>
      <c r="N1023" s="28"/>
      <c r="P1023" s="29"/>
    </row>
    <row r="1024" spans="1:16" ht="16.5" customHeight="1" x14ac:dyDescent="0.25">
      <c r="A1024" s="58"/>
      <c r="B1024" s="59"/>
      <c r="C1024" s="59"/>
      <c r="D1024" s="59"/>
      <c r="E1024" s="59"/>
      <c r="F1024" s="59"/>
      <c r="G1024" s="59"/>
      <c r="H1024" s="59"/>
      <c r="I1024" s="59"/>
      <c r="J1024" s="32"/>
      <c r="K1024" s="74"/>
      <c r="L1024" s="75"/>
      <c r="M1024" s="13"/>
      <c r="N1024" s="30"/>
      <c r="O1024" s="31"/>
      <c r="P1024" s="32"/>
    </row>
    <row r="1025" spans="1:16" ht="16.5" customHeight="1" x14ac:dyDescent="0.25">
      <c r="A1025" s="60" t="s">
        <v>138</v>
      </c>
      <c r="B1025" s="61"/>
      <c r="C1025" s="61"/>
      <c r="D1025" s="61"/>
      <c r="E1025" s="61"/>
      <c r="F1025" s="61"/>
      <c r="G1025" s="61"/>
      <c r="H1025" s="61"/>
      <c r="I1025" s="61"/>
      <c r="J1025" s="34"/>
      <c r="K1025" s="76"/>
      <c r="L1025" s="77"/>
      <c r="M1025" s="14"/>
      <c r="N1025" s="35"/>
      <c r="O1025" s="33"/>
      <c r="P1025" s="34"/>
    </row>
    <row r="1026" spans="1:16" ht="16.5" customHeight="1" x14ac:dyDescent="0.25">
      <c r="A1026" s="48" t="s">
        <v>70</v>
      </c>
      <c r="B1026" s="39"/>
      <c r="C1026" s="39"/>
      <c r="D1026" s="39"/>
      <c r="E1026" s="39"/>
      <c r="F1026" s="39"/>
      <c r="G1026" s="39"/>
      <c r="H1026" s="39"/>
      <c r="I1026" s="39"/>
      <c r="K1026" s="78"/>
      <c r="L1026" s="69"/>
      <c r="M1026" s="12"/>
      <c r="N1026" s="28"/>
      <c r="P1026" s="29"/>
    </row>
    <row r="1027" spans="1:16" ht="16.5" customHeight="1" x14ac:dyDescent="0.25">
      <c r="A1027" s="48"/>
      <c r="B1027" s="39" t="s">
        <v>656</v>
      </c>
      <c r="C1027" s="39"/>
      <c r="D1027" s="62"/>
      <c r="E1027" s="62"/>
      <c r="F1027" s="62"/>
      <c r="G1027" s="62"/>
      <c r="H1027" s="62"/>
      <c r="I1027" s="39"/>
      <c r="K1027" s="88" t="s">
        <v>101</v>
      </c>
      <c r="L1027" s="87" t="s">
        <v>101</v>
      </c>
      <c r="M1027" s="12" t="s">
        <v>582</v>
      </c>
      <c r="N1027" s="28"/>
      <c r="P1027" s="29"/>
    </row>
    <row r="1028" spans="1:16" ht="16.5" customHeight="1" x14ac:dyDescent="0.25">
      <c r="A1028" s="48"/>
      <c r="B1028" s="39" t="s">
        <v>384</v>
      </c>
      <c r="C1028" s="39"/>
      <c r="D1028" s="62"/>
      <c r="E1028" s="62"/>
      <c r="F1028" s="62"/>
      <c r="G1028" s="62"/>
      <c r="H1028" s="62"/>
      <c r="I1028" s="39"/>
      <c r="K1028" s="79"/>
      <c r="L1028" s="69"/>
      <c r="M1028" s="12"/>
      <c r="N1028" s="28"/>
      <c r="P1028" s="29"/>
    </row>
    <row r="1029" spans="1:16" ht="16.5" customHeight="1" x14ac:dyDescent="0.25">
      <c r="A1029" s="48"/>
      <c r="B1029" s="39"/>
      <c r="C1029" s="39"/>
      <c r="D1029" s="39"/>
      <c r="E1029" s="39"/>
      <c r="F1029" s="39"/>
      <c r="G1029" s="39"/>
      <c r="H1029" s="39"/>
      <c r="I1029" s="39"/>
      <c r="K1029" s="79"/>
      <c r="L1029" s="69"/>
      <c r="M1029" s="12"/>
      <c r="N1029" s="28"/>
      <c r="P1029" s="29"/>
    </row>
    <row r="1030" spans="1:16" ht="16.5" customHeight="1" x14ac:dyDescent="0.25">
      <c r="A1030" s="48"/>
      <c r="B1030" s="39" t="s">
        <v>121</v>
      </c>
      <c r="C1030" s="39"/>
      <c r="D1030" s="39"/>
      <c r="E1030" s="39"/>
      <c r="F1030" s="39"/>
      <c r="G1030" s="39"/>
      <c r="H1030" s="39"/>
      <c r="I1030" s="39"/>
      <c r="K1030" s="88" t="s">
        <v>101</v>
      </c>
      <c r="L1030" s="87" t="s">
        <v>101</v>
      </c>
      <c r="M1030" s="12" t="s">
        <v>36</v>
      </c>
      <c r="N1030" s="28"/>
      <c r="P1030" s="29"/>
    </row>
    <row r="1031" spans="1:16" ht="16.5" customHeight="1" x14ac:dyDescent="0.25">
      <c r="A1031" s="48"/>
      <c r="B1031" s="39" t="s">
        <v>575</v>
      </c>
      <c r="C1031" s="39"/>
      <c r="D1031" s="39"/>
      <c r="E1031" s="39"/>
      <c r="F1031" s="39"/>
      <c r="G1031" s="39"/>
      <c r="H1031" s="39"/>
      <c r="I1031" s="39"/>
      <c r="K1031" s="79"/>
      <c r="L1031" s="69"/>
      <c r="M1031" s="12" t="s">
        <v>37</v>
      </c>
      <c r="N1031" s="28"/>
      <c r="P1031" s="29"/>
    </row>
    <row r="1032" spans="1:16" ht="16.5" customHeight="1" x14ac:dyDescent="0.25">
      <c r="A1032" s="48"/>
      <c r="B1032" s="39" t="s">
        <v>385</v>
      </c>
      <c r="C1032" s="39"/>
      <c r="D1032" s="39"/>
      <c r="E1032" s="39"/>
      <c r="F1032" s="39"/>
      <c r="G1032" s="39"/>
      <c r="H1032" s="39"/>
      <c r="I1032" s="39"/>
      <c r="K1032" s="79"/>
      <c r="L1032" s="69"/>
      <c r="M1032" s="12"/>
      <c r="N1032" s="28"/>
      <c r="P1032" s="29"/>
    </row>
    <row r="1033" spans="1:16" ht="16.5" customHeight="1" x14ac:dyDescent="0.25">
      <c r="A1033" s="48"/>
      <c r="B1033" s="39"/>
      <c r="C1033" s="39"/>
      <c r="D1033" s="90" t="s">
        <v>366</v>
      </c>
      <c r="E1033" s="286" t="s">
        <v>78</v>
      </c>
      <c r="F1033" s="287"/>
      <c r="G1033" s="39"/>
      <c r="H1033" s="39"/>
      <c r="I1033" s="39"/>
      <c r="K1033" s="79"/>
      <c r="L1033" s="69"/>
      <c r="M1033" s="12"/>
      <c r="N1033" s="28"/>
      <c r="P1033" s="29"/>
    </row>
    <row r="1034" spans="1:16" ht="16.5" customHeight="1" x14ac:dyDescent="0.25">
      <c r="A1034" s="48"/>
      <c r="B1034" s="39"/>
      <c r="C1034" s="39"/>
      <c r="D1034" s="103"/>
      <c r="E1034" s="263"/>
      <c r="F1034" s="264"/>
      <c r="G1034" s="39"/>
      <c r="H1034" s="39"/>
      <c r="I1034" s="39"/>
      <c r="K1034" s="79"/>
      <c r="L1034" s="69"/>
      <c r="M1034" s="12"/>
      <c r="N1034" s="28"/>
      <c r="P1034" s="29"/>
    </row>
    <row r="1035" spans="1:16" ht="16.5" customHeight="1" x14ac:dyDescent="0.25">
      <c r="A1035" s="48"/>
      <c r="B1035" s="39"/>
      <c r="C1035" s="39"/>
      <c r="D1035" s="103"/>
      <c r="E1035" s="263"/>
      <c r="F1035" s="264"/>
      <c r="G1035" s="39"/>
      <c r="H1035" s="39"/>
      <c r="I1035" s="39"/>
      <c r="K1035" s="79"/>
      <c r="L1035" s="69"/>
      <c r="M1035" s="12"/>
      <c r="N1035" s="28"/>
      <c r="P1035" s="29"/>
    </row>
    <row r="1036" spans="1:16" ht="16.5" customHeight="1" x14ac:dyDescent="0.25">
      <c r="A1036" s="48"/>
      <c r="B1036" s="39"/>
      <c r="C1036" s="39"/>
      <c r="D1036" s="103"/>
      <c r="E1036" s="265"/>
      <c r="F1036" s="266"/>
      <c r="G1036" s="63"/>
      <c r="H1036" s="39"/>
      <c r="I1036" s="39"/>
      <c r="K1036" s="79"/>
      <c r="L1036" s="69"/>
      <c r="M1036" s="12"/>
      <c r="N1036" s="28"/>
      <c r="P1036" s="29"/>
    </row>
    <row r="1037" spans="1:16" ht="16.5" customHeight="1" x14ac:dyDescent="0.25">
      <c r="A1037" s="48"/>
      <c r="B1037" s="39"/>
      <c r="C1037" s="39"/>
      <c r="D1037" s="104"/>
      <c r="E1037" s="288"/>
      <c r="F1037" s="289"/>
      <c r="G1037" s="63"/>
      <c r="H1037" s="39"/>
      <c r="I1037" s="39"/>
      <c r="K1037" s="79"/>
      <c r="L1037" s="69"/>
      <c r="M1037" s="12"/>
      <c r="N1037" s="28"/>
      <c r="P1037" s="29"/>
    </row>
    <row r="1038" spans="1:16" ht="16.5" customHeight="1" x14ac:dyDescent="0.25">
      <c r="A1038" s="48"/>
      <c r="B1038" s="39"/>
      <c r="C1038" s="39"/>
      <c r="D1038" s="268"/>
      <c r="E1038" s="269"/>
      <c r="F1038" s="269"/>
      <c r="G1038" s="63"/>
      <c r="H1038" s="39"/>
      <c r="I1038" s="39"/>
      <c r="K1038" s="79"/>
      <c r="L1038" s="69"/>
      <c r="M1038" s="12"/>
      <c r="N1038" s="28"/>
      <c r="P1038" s="29"/>
    </row>
    <row r="1039" spans="1:16" ht="16.5" customHeight="1" x14ac:dyDescent="0.25">
      <c r="A1039" s="48"/>
      <c r="B1039" s="39" t="s">
        <v>122</v>
      </c>
      <c r="C1039" s="39"/>
      <c r="D1039" s="39"/>
      <c r="E1039" s="39"/>
      <c r="F1039" s="39"/>
      <c r="G1039" s="39"/>
      <c r="H1039" s="39"/>
      <c r="I1039" s="39"/>
      <c r="K1039" s="88" t="s">
        <v>101</v>
      </c>
      <c r="L1039" s="87" t="s">
        <v>101</v>
      </c>
      <c r="M1039" s="12"/>
      <c r="N1039" s="28"/>
      <c r="P1039" s="29"/>
    </row>
    <row r="1040" spans="1:16" ht="16.5" customHeight="1" x14ac:dyDescent="0.25">
      <c r="A1040" s="48"/>
      <c r="B1040" s="39" t="s">
        <v>576</v>
      </c>
      <c r="C1040" s="39"/>
      <c r="D1040" s="39"/>
      <c r="E1040" s="39"/>
      <c r="F1040" s="39"/>
      <c r="G1040" s="39"/>
      <c r="H1040" s="39"/>
      <c r="I1040" s="39"/>
      <c r="K1040" s="79"/>
      <c r="L1040" s="69"/>
      <c r="M1040" s="12"/>
      <c r="N1040" s="28"/>
      <c r="P1040" s="29"/>
    </row>
    <row r="1041" spans="1:16" ht="16.5" customHeight="1" x14ac:dyDescent="0.25">
      <c r="A1041" s="48"/>
      <c r="B1041" s="39" t="s">
        <v>385</v>
      </c>
      <c r="C1041" s="39"/>
      <c r="D1041" s="39"/>
      <c r="E1041" s="39"/>
      <c r="F1041" s="39"/>
      <c r="G1041" s="39"/>
      <c r="H1041" s="39"/>
      <c r="I1041" s="39"/>
      <c r="K1041" s="79"/>
      <c r="L1041" s="69"/>
      <c r="M1041" s="12"/>
      <c r="N1041" s="28"/>
      <c r="P1041" s="29"/>
    </row>
    <row r="1042" spans="1:16" ht="16.5" customHeight="1" x14ac:dyDescent="0.25">
      <c r="A1042" s="48"/>
      <c r="B1042" s="39"/>
      <c r="C1042" s="39"/>
      <c r="D1042" s="90" t="s">
        <v>366</v>
      </c>
      <c r="E1042" s="290" t="s">
        <v>78</v>
      </c>
      <c r="F1042" s="291"/>
      <c r="G1042" s="39"/>
      <c r="H1042" s="39"/>
      <c r="I1042" s="39"/>
      <c r="K1042" s="79"/>
      <c r="L1042" s="69"/>
      <c r="M1042" s="12"/>
      <c r="N1042" s="28"/>
      <c r="P1042" s="29"/>
    </row>
    <row r="1043" spans="1:16" ht="16.5" customHeight="1" x14ac:dyDescent="0.25">
      <c r="A1043" s="48"/>
      <c r="B1043" s="39"/>
      <c r="C1043" s="39"/>
      <c r="D1043" s="103"/>
      <c r="E1043" s="292"/>
      <c r="F1043" s="293"/>
      <c r="G1043" s="63"/>
      <c r="H1043" s="39"/>
      <c r="I1043" s="39"/>
      <c r="K1043" s="79"/>
      <c r="L1043" s="69"/>
      <c r="M1043" s="12"/>
      <c r="N1043" s="28"/>
      <c r="P1043" s="29"/>
    </row>
    <row r="1044" spans="1:16" ht="16.5" customHeight="1" x14ac:dyDescent="0.25">
      <c r="A1044" s="48"/>
      <c r="B1044" s="39"/>
      <c r="C1044" s="39"/>
      <c r="D1044" s="103"/>
      <c r="E1044" s="292"/>
      <c r="F1044" s="293"/>
      <c r="G1044" s="63"/>
      <c r="H1044" s="39"/>
      <c r="I1044" s="39"/>
      <c r="K1044" s="79"/>
      <c r="L1044" s="69"/>
      <c r="M1044" s="12"/>
      <c r="N1044" s="28"/>
      <c r="P1044" s="29"/>
    </row>
    <row r="1045" spans="1:16" ht="16.5" customHeight="1" x14ac:dyDescent="0.25">
      <c r="A1045" s="48"/>
      <c r="B1045" s="39"/>
      <c r="C1045" s="39"/>
      <c r="D1045" s="103"/>
      <c r="E1045" s="292"/>
      <c r="F1045" s="293"/>
      <c r="G1045" s="63"/>
      <c r="H1045" s="39"/>
      <c r="I1045" s="39"/>
      <c r="K1045" s="79"/>
      <c r="L1045" s="69"/>
      <c r="M1045" s="12"/>
      <c r="N1045" s="28"/>
      <c r="P1045" s="29"/>
    </row>
    <row r="1046" spans="1:16" ht="16.5" customHeight="1" x14ac:dyDescent="0.25">
      <c r="A1046" s="48"/>
      <c r="B1046" s="39"/>
      <c r="C1046" s="39"/>
      <c r="D1046" s="104"/>
      <c r="E1046" s="306"/>
      <c r="F1046" s="307"/>
      <c r="G1046" s="39"/>
      <c r="H1046" s="39"/>
      <c r="I1046" s="39"/>
      <c r="K1046" s="79"/>
      <c r="L1046" s="69"/>
      <c r="M1046" s="12"/>
      <c r="N1046" s="28"/>
      <c r="P1046" s="29"/>
    </row>
    <row r="1047" spans="1:16" ht="16.5" customHeight="1" x14ac:dyDescent="0.25">
      <c r="A1047" s="48"/>
      <c r="B1047" s="39"/>
      <c r="C1047" s="39"/>
      <c r="D1047" s="39"/>
      <c r="E1047" s="39"/>
      <c r="F1047" s="39"/>
      <c r="G1047" s="39"/>
      <c r="H1047" s="39"/>
      <c r="I1047" s="39"/>
      <c r="K1047" s="79"/>
      <c r="L1047" s="69"/>
      <c r="M1047" s="12"/>
      <c r="N1047" s="28"/>
      <c r="P1047" s="29"/>
    </row>
    <row r="1048" spans="1:16" ht="16.5" customHeight="1" x14ac:dyDescent="0.25">
      <c r="A1048" s="48"/>
      <c r="B1048" s="39"/>
      <c r="C1048" s="39"/>
      <c r="D1048" s="39"/>
      <c r="E1048" s="39"/>
      <c r="F1048" s="39"/>
      <c r="G1048" s="39"/>
      <c r="H1048" s="39"/>
      <c r="I1048" s="39"/>
      <c r="K1048" s="79"/>
      <c r="L1048" s="69"/>
      <c r="M1048" s="12"/>
      <c r="N1048" s="28"/>
      <c r="P1048" s="29"/>
    </row>
    <row r="1049" spans="1:16" ht="16.5" customHeight="1" x14ac:dyDescent="0.25">
      <c r="A1049" s="48"/>
      <c r="B1049" s="39"/>
      <c r="C1049" s="39"/>
      <c r="D1049" s="39"/>
      <c r="E1049" s="39"/>
      <c r="F1049" s="39"/>
      <c r="G1049" s="39"/>
      <c r="H1049" s="39"/>
      <c r="I1049" s="39"/>
      <c r="K1049" s="79"/>
      <c r="L1049" s="69"/>
      <c r="M1049" s="12"/>
      <c r="N1049" s="28"/>
      <c r="P1049" s="29"/>
    </row>
    <row r="1050" spans="1:16" ht="16.5" customHeight="1" x14ac:dyDescent="0.25">
      <c r="A1050" s="48"/>
      <c r="B1050" s="39"/>
      <c r="C1050" s="39"/>
      <c r="D1050" s="39"/>
      <c r="E1050" s="39"/>
      <c r="F1050" s="39"/>
      <c r="G1050" s="39"/>
      <c r="H1050" s="39"/>
      <c r="I1050" s="39"/>
      <c r="K1050" s="79"/>
      <c r="L1050" s="69"/>
      <c r="M1050" s="12"/>
      <c r="N1050" s="28"/>
      <c r="P1050" s="29"/>
    </row>
    <row r="1051" spans="1:16" ht="16.5" customHeight="1" x14ac:dyDescent="0.25">
      <c r="A1051" s="48"/>
      <c r="B1051" s="39"/>
      <c r="C1051" s="39"/>
      <c r="D1051" s="39"/>
      <c r="E1051" s="39"/>
      <c r="F1051" s="39"/>
      <c r="G1051" s="39"/>
      <c r="H1051" s="39"/>
      <c r="I1051" s="39"/>
      <c r="K1051" s="79"/>
      <c r="L1051" s="69"/>
      <c r="M1051" s="12"/>
      <c r="N1051" s="28"/>
      <c r="P1051" s="29"/>
    </row>
    <row r="1052" spans="1:16" ht="16.5" customHeight="1" x14ac:dyDescent="0.25">
      <c r="A1052" s="48"/>
      <c r="B1052" s="39"/>
      <c r="C1052" s="39"/>
      <c r="D1052" s="39"/>
      <c r="E1052" s="39"/>
      <c r="F1052" s="39"/>
      <c r="G1052" s="39"/>
      <c r="H1052" s="39"/>
      <c r="I1052" s="39"/>
      <c r="K1052" s="79"/>
      <c r="L1052" s="69"/>
      <c r="M1052" s="12"/>
      <c r="N1052" s="28"/>
      <c r="P1052" s="29"/>
    </row>
    <row r="1053" spans="1:16" ht="16.5" customHeight="1" x14ac:dyDescent="0.25">
      <c r="A1053" s="48"/>
      <c r="B1053" s="39"/>
      <c r="C1053" s="39"/>
      <c r="D1053" s="39"/>
      <c r="E1053" s="39"/>
      <c r="F1053" s="39"/>
      <c r="G1053" s="39"/>
      <c r="H1053" s="39"/>
      <c r="I1053" s="39"/>
      <c r="K1053" s="79"/>
      <c r="L1053" s="69"/>
      <c r="M1053" s="12"/>
      <c r="N1053" s="28"/>
      <c r="P1053" s="29"/>
    </row>
    <row r="1054" spans="1:16" ht="16.5" customHeight="1" x14ac:dyDescent="0.25">
      <c r="A1054" s="48"/>
      <c r="B1054" s="39"/>
      <c r="C1054" s="39"/>
      <c r="D1054" s="39"/>
      <c r="E1054" s="39"/>
      <c r="F1054" s="39"/>
      <c r="G1054" s="39"/>
      <c r="H1054" s="39"/>
      <c r="I1054" s="39"/>
      <c r="K1054" s="79"/>
      <c r="L1054" s="69"/>
      <c r="M1054" s="12"/>
      <c r="N1054" s="28"/>
      <c r="P1054" s="29"/>
    </row>
    <row r="1055" spans="1:16" ht="16.5" customHeight="1" x14ac:dyDescent="0.25">
      <c r="A1055" s="48"/>
      <c r="B1055" s="39"/>
      <c r="C1055" s="39"/>
      <c r="D1055" s="39"/>
      <c r="E1055" s="39"/>
      <c r="F1055" s="39"/>
      <c r="G1055" s="39"/>
      <c r="H1055" s="39"/>
      <c r="I1055" s="39"/>
      <c r="K1055" s="79"/>
      <c r="L1055" s="69"/>
      <c r="M1055" s="12"/>
      <c r="N1055" s="28"/>
      <c r="P1055" s="29"/>
    </row>
    <row r="1056" spans="1:16" ht="16.5" customHeight="1" x14ac:dyDescent="0.25">
      <c r="A1056" s="48"/>
      <c r="B1056" s="39"/>
      <c r="C1056" s="39"/>
      <c r="D1056" s="39"/>
      <c r="E1056" s="39"/>
      <c r="F1056" s="39"/>
      <c r="G1056" s="39"/>
      <c r="H1056" s="39"/>
      <c r="I1056" s="39"/>
      <c r="K1056" s="79"/>
      <c r="L1056" s="69"/>
      <c r="M1056" s="12"/>
      <c r="N1056" s="28"/>
      <c r="P1056" s="29"/>
    </row>
    <row r="1057" spans="1:16" ht="16.5" customHeight="1" x14ac:dyDescent="0.25">
      <c r="A1057" s="48"/>
      <c r="B1057" s="39"/>
      <c r="C1057" s="39"/>
      <c r="D1057" s="39"/>
      <c r="E1057" s="39"/>
      <c r="F1057" s="39"/>
      <c r="G1057" s="39"/>
      <c r="H1057" s="39"/>
      <c r="I1057" s="39"/>
      <c r="K1057" s="79"/>
      <c r="L1057" s="69"/>
      <c r="M1057" s="12"/>
      <c r="N1057" s="28"/>
      <c r="P1057" s="29"/>
    </row>
    <row r="1058" spans="1:16" ht="16.5" customHeight="1" x14ac:dyDescent="0.25">
      <c r="A1058" s="48"/>
      <c r="B1058" s="39"/>
      <c r="C1058" s="39"/>
      <c r="D1058" s="39"/>
      <c r="E1058" s="39"/>
      <c r="F1058" s="39"/>
      <c r="G1058" s="39"/>
      <c r="H1058" s="39"/>
      <c r="I1058" s="39"/>
      <c r="K1058" s="79"/>
      <c r="L1058" s="69"/>
      <c r="M1058" s="12"/>
      <c r="N1058" s="28"/>
      <c r="P1058" s="29"/>
    </row>
    <row r="1059" spans="1:16" ht="16.5" customHeight="1" x14ac:dyDescent="0.25">
      <c r="A1059" s="48"/>
      <c r="B1059" s="39"/>
      <c r="C1059" s="39"/>
      <c r="D1059" s="39"/>
      <c r="E1059" s="39"/>
      <c r="F1059" s="39"/>
      <c r="G1059" s="39"/>
      <c r="H1059" s="39"/>
      <c r="I1059" s="39"/>
      <c r="K1059" s="79"/>
      <c r="L1059" s="69"/>
      <c r="M1059" s="12"/>
      <c r="N1059" s="28"/>
      <c r="P1059" s="29"/>
    </row>
    <row r="1060" spans="1:16" ht="16.5" customHeight="1" x14ac:dyDescent="0.25">
      <c r="A1060" s="48"/>
      <c r="B1060" s="39"/>
      <c r="C1060" s="39"/>
      <c r="D1060" s="39"/>
      <c r="E1060" s="39"/>
      <c r="F1060" s="39"/>
      <c r="G1060" s="39"/>
      <c r="H1060" s="39"/>
      <c r="I1060" s="39"/>
      <c r="K1060" s="79"/>
      <c r="L1060" s="69"/>
      <c r="M1060" s="12"/>
      <c r="N1060" s="28"/>
      <c r="P1060" s="29"/>
    </row>
    <row r="1061" spans="1:16" ht="16.5" customHeight="1" x14ac:dyDescent="0.25">
      <c r="A1061" s="48"/>
      <c r="B1061" s="39"/>
      <c r="C1061" s="39"/>
      <c r="D1061" s="39"/>
      <c r="E1061" s="39"/>
      <c r="F1061" s="39"/>
      <c r="G1061" s="39"/>
      <c r="H1061" s="39"/>
      <c r="I1061" s="39"/>
      <c r="K1061" s="79"/>
      <c r="L1061" s="69"/>
      <c r="M1061" s="12"/>
      <c r="N1061" s="28"/>
      <c r="P1061" s="29"/>
    </row>
    <row r="1062" spans="1:16" ht="16.5" customHeight="1" x14ac:dyDescent="0.25">
      <c r="A1062" s="48"/>
      <c r="B1062" s="39"/>
      <c r="C1062" s="39"/>
      <c r="D1062" s="39"/>
      <c r="E1062" s="39"/>
      <c r="F1062" s="39"/>
      <c r="G1062" s="39"/>
      <c r="H1062" s="39"/>
      <c r="I1062" s="39"/>
      <c r="K1062" s="79"/>
      <c r="L1062" s="69"/>
      <c r="M1062" s="12"/>
      <c r="N1062" s="28"/>
      <c r="P1062" s="29"/>
    </row>
    <row r="1063" spans="1:16" ht="16.5" customHeight="1" x14ac:dyDescent="0.25">
      <c r="A1063" s="48"/>
      <c r="B1063" s="39"/>
      <c r="C1063" s="39"/>
      <c r="D1063" s="39"/>
      <c r="E1063" s="39"/>
      <c r="F1063" s="39"/>
      <c r="G1063" s="39"/>
      <c r="H1063" s="39"/>
      <c r="I1063" s="39"/>
      <c r="K1063" s="79"/>
      <c r="L1063" s="69"/>
      <c r="M1063" s="12"/>
      <c r="N1063" s="28"/>
      <c r="P1063" s="29"/>
    </row>
    <row r="1064" spans="1:16" ht="16.5" customHeight="1" x14ac:dyDescent="0.25">
      <c r="A1064" s="48"/>
      <c r="B1064" s="39"/>
      <c r="C1064" s="39"/>
      <c r="D1064" s="39"/>
      <c r="E1064" s="39"/>
      <c r="F1064" s="39"/>
      <c r="G1064" s="39"/>
      <c r="H1064" s="39"/>
      <c r="I1064" s="39"/>
      <c r="K1064" s="79"/>
      <c r="L1064" s="69"/>
      <c r="M1064" s="12"/>
      <c r="N1064" s="28"/>
      <c r="P1064" s="29"/>
    </row>
    <row r="1065" spans="1:16" ht="16.5" customHeight="1" x14ac:dyDescent="0.25">
      <c r="A1065" s="48"/>
      <c r="B1065" s="39"/>
      <c r="C1065" s="39"/>
      <c r="D1065" s="39"/>
      <c r="E1065" s="39"/>
      <c r="F1065" s="39"/>
      <c r="G1065" s="39"/>
      <c r="H1065" s="39"/>
      <c r="I1065" s="39"/>
      <c r="K1065" s="79"/>
      <c r="L1065" s="69"/>
      <c r="M1065" s="12"/>
      <c r="N1065" s="28"/>
      <c r="P1065" s="29"/>
    </row>
    <row r="1066" spans="1:16" ht="16.5" customHeight="1" x14ac:dyDescent="0.25">
      <c r="A1066" s="48"/>
      <c r="B1066" s="39"/>
      <c r="C1066" s="39"/>
      <c r="D1066" s="39"/>
      <c r="E1066" s="39"/>
      <c r="F1066" s="39"/>
      <c r="G1066" s="39"/>
      <c r="H1066" s="39"/>
      <c r="I1066" s="39"/>
      <c r="K1066" s="79"/>
      <c r="L1066" s="69"/>
      <c r="M1066" s="12"/>
      <c r="N1066" s="28"/>
      <c r="P1066" s="29"/>
    </row>
    <row r="1067" spans="1:16" ht="16.5" customHeight="1" x14ac:dyDescent="0.25">
      <c r="A1067" s="48"/>
      <c r="B1067" s="39"/>
      <c r="C1067" s="39"/>
      <c r="D1067" s="39"/>
      <c r="E1067" s="39"/>
      <c r="F1067" s="39"/>
      <c r="G1067" s="39"/>
      <c r="H1067" s="39"/>
      <c r="I1067" s="39"/>
      <c r="K1067" s="79"/>
      <c r="L1067" s="69"/>
      <c r="M1067" s="12"/>
      <c r="N1067" s="28"/>
      <c r="P1067" s="29"/>
    </row>
    <row r="1068" spans="1:16" ht="16.5" customHeight="1" x14ac:dyDescent="0.25">
      <c r="A1068" s="48"/>
      <c r="B1068" s="39"/>
      <c r="C1068" s="39"/>
      <c r="D1068" s="39"/>
      <c r="E1068" s="39"/>
      <c r="F1068" s="39"/>
      <c r="G1068" s="39"/>
      <c r="H1068" s="39"/>
      <c r="I1068" s="39"/>
      <c r="K1068" s="79"/>
      <c r="L1068" s="69"/>
      <c r="M1068" s="12"/>
      <c r="N1068" s="28"/>
      <c r="P1068" s="29"/>
    </row>
    <row r="1069" spans="1:16" ht="16.5" customHeight="1" x14ac:dyDescent="0.25">
      <c r="A1069" s="48"/>
      <c r="B1069" s="39"/>
      <c r="C1069" s="39"/>
      <c r="D1069" s="39"/>
      <c r="E1069" s="39"/>
      <c r="F1069" s="39"/>
      <c r="G1069" s="39"/>
      <c r="H1069" s="39"/>
      <c r="I1069" s="39"/>
      <c r="K1069" s="79"/>
      <c r="L1069" s="69"/>
      <c r="M1069" s="12"/>
      <c r="N1069" s="28"/>
      <c r="P1069" s="29"/>
    </row>
    <row r="1070" spans="1:16" ht="16.5" customHeight="1" x14ac:dyDescent="0.25">
      <c r="A1070" s="48"/>
      <c r="B1070" s="39"/>
      <c r="C1070" s="39"/>
      <c r="D1070" s="39"/>
      <c r="E1070" s="39"/>
      <c r="F1070" s="39"/>
      <c r="G1070" s="39"/>
      <c r="H1070" s="39"/>
      <c r="I1070" s="39"/>
      <c r="K1070" s="79"/>
      <c r="L1070" s="69"/>
      <c r="M1070" s="12"/>
      <c r="N1070" s="28"/>
      <c r="P1070" s="29"/>
    </row>
    <row r="1071" spans="1:16" ht="16.5" customHeight="1" x14ac:dyDescent="0.25">
      <c r="A1071" s="58"/>
      <c r="B1071" s="59"/>
      <c r="C1071" s="59"/>
      <c r="D1071" s="59"/>
      <c r="E1071" s="59"/>
      <c r="F1071" s="59"/>
      <c r="G1071" s="59"/>
      <c r="H1071" s="59"/>
      <c r="I1071" s="59"/>
      <c r="J1071" s="31"/>
      <c r="K1071" s="80"/>
      <c r="L1071" s="75"/>
      <c r="M1071" s="13"/>
      <c r="N1071" s="30"/>
      <c r="O1071" s="31"/>
      <c r="P1071" s="32"/>
    </row>
    <row r="1072" spans="1:16" ht="16.5" customHeight="1" x14ac:dyDescent="0.25">
      <c r="A1072" s="48"/>
      <c r="B1072" s="39" t="s">
        <v>657</v>
      </c>
      <c r="C1072" s="39"/>
      <c r="D1072" s="39"/>
      <c r="E1072" s="39"/>
      <c r="F1072" s="39"/>
      <c r="G1072" s="39"/>
      <c r="H1072" s="39"/>
      <c r="I1072" s="39"/>
      <c r="K1072" s="88" t="s">
        <v>101</v>
      </c>
      <c r="L1072" s="87" t="s">
        <v>101</v>
      </c>
      <c r="M1072" s="12"/>
      <c r="N1072" s="28"/>
      <c r="P1072" s="29"/>
    </row>
    <row r="1073" spans="1:16" ht="16.5" customHeight="1" x14ac:dyDescent="0.25">
      <c r="A1073" s="48"/>
      <c r="B1073" s="39" t="s">
        <v>124</v>
      </c>
      <c r="C1073" s="39"/>
      <c r="D1073" s="39"/>
      <c r="E1073" s="39"/>
      <c r="F1073" s="39"/>
      <c r="G1073" s="39"/>
      <c r="H1073" s="39"/>
      <c r="I1073" s="39"/>
      <c r="K1073" s="79"/>
      <c r="L1073" s="69"/>
      <c r="M1073" s="12"/>
      <c r="N1073" s="28"/>
      <c r="P1073" s="29"/>
    </row>
    <row r="1074" spans="1:16" ht="16.5" customHeight="1" x14ac:dyDescent="0.25">
      <c r="A1074" s="48"/>
      <c r="B1074" s="39" t="s">
        <v>611</v>
      </c>
      <c r="C1074" s="39"/>
      <c r="D1074" s="39"/>
      <c r="E1074" s="39"/>
      <c r="F1074" s="39"/>
      <c r="G1074" s="39"/>
      <c r="H1074" s="39"/>
      <c r="I1074" s="39"/>
      <c r="K1074" s="88" t="s">
        <v>101</v>
      </c>
      <c r="L1074" s="87" t="s">
        <v>101</v>
      </c>
      <c r="M1074" s="12" t="s">
        <v>43</v>
      </c>
      <c r="N1074" s="28"/>
      <c r="P1074" s="29"/>
    </row>
    <row r="1075" spans="1:16" ht="16.5" customHeight="1" x14ac:dyDescent="0.25">
      <c r="A1075" s="48"/>
      <c r="B1075" s="39" t="s">
        <v>528</v>
      </c>
      <c r="C1075" s="39"/>
      <c r="D1075" s="39"/>
      <c r="E1075" s="39"/>
      <c r="F1075" s="39"/>
      <c r="G1075" s="39"/>
      <c r="H1075" s="39"/>
      <c r="I1075" s="39"/>
      <c r="K1075" s="79"/>
      <c r="L1075" s="69"/>
      <c r="M1075" s="12"/>
      <c r="N1075" s="28"/>
      <c r="P1075" s="29"/>
    </row>
    <row r="1076" spans="1:16" ht="16.5" customHeight="1" x14ac:dyDescent="0.25">
      <c r="A1076" s="48"/>
      <c r="B1076" s="39"/>
      <c r="C1076" s="39"/>
      <c r="D1076" s="90" t="s">
        <v>367</v>
      </c>
      <c r="E1076" s="290" t="s">
        <v>77</v>
      </c>
      <c r="F1076" s="291"/>
      <c r="G1076" s="39"/>
      <c r="H1076" s="39"/>
      <c r="I1076" s="39"/>
      <c r="K1076" s="79"/>
      <c r="L1076" s="69"/>
      <c r="M1076" s="12"/>
      <c r="N1076" s="28"/>
      <c r="P1076" s="29"/>
    </row>
    <row r="1077" spans="1:16" ht="16.5" customHeight="1" x14ac:dyDescent="0.25">
      <c r="A1077" s="48"/>
      <c r="B1077" s="39"/>
      <c r="C1077" s="39"/>
      <c r="D1077" s="103"/>
      <c r="E1077" s="292"/>
      <c r="F1077" s="293"/>
      <c r="G1077" s="39"/>
      <c r="H1077" s="39"/>
      <c r="I1077" s="39"/>
      <c r="K1077" s="79"/>
      <c r="L1077" s="69"/>
      <c r="M1077" s="12"/>
      <c r="N1077" s="28"/>
      <c r="P1077" s="29"/>
    </row>
    <row r="1078" spans="1:16" ht="16.5" customHeight="1" x14ac:dyDescent="0.25">
      <c r="A1078" s="48"/>
      <c r="B1078" s="39"/>
      <c r="C1078" s="39"/>
      <c r="D1078" s="103"/>
      <c r="E1078" s="292"/>
      <c r="F1078" s="293"/>
      <c r="G1078" s="39"/>
      <c r="H1078" s="39"/>
      <c r="I1078" s="39"/>
      <c r="K1078" s="79"/>
      <c r="L1078" s="69"/>
      <c r="M1078" s="12"/>
      <c r="N1078" s="28"/>
      <c r="P1078" s="29"/>
    </row>
    <row r="1079" spans="1:16" ht="16.5" customHeight="1" x14ac:dyDescent="0.25">
      <c r="A1079" s="48"/>
      <c r="B1079" s="39"/>
      <c r="C1079" s="39"/>
      <c r="D1079" s="103"/>
      <c r="E1079" s="292"/>
      <c r="F1079" s="293"/>
      <c r="G1079" s="39"/>
      <c r="H1079" s="39"/>
      <c r="I1079" s="39"/>
      <c r="K1079" s="79"/>
      <c r="L1079" s="69"/>
      <c r="M1079" s="12"/>
      <c r="N1079" s="28"/>
      <c r="P1079" s="29"/>
    </row>
    <row r="1080" spans="1:16" ht="16.5" customHeight="1" x14ac:dyDescent="0.25">
      <c r="A1080" s="48"/>
      <c r="B1080" s="39"/>
      <c r="C1080" s="39"/>
      <c r="D1080" s="103"/>
      <c r="E1080" s="292"/>
      <c r="F1080" s="293"/>
      <c r="G1080" s="39"/>
      <c r="H1080" s="39"/>
      <c r="I1080" s="39"/>
      <c r="K1080" s="79"/>
      <c r="L1080" s="69"/>
      <c r="M1080" s="12"/>
      <c r="N1080" s="28"/>
      <c r="P1080" s="29"/>
    </row>
    <row r="1081" spans="1:16" ht="16.5" customHeight="1" x14ac:dyDescent="0.25">
      <c r="A1081" s="48"/>
      <c r="B1081" s="39"/>
      <c r="C1081" s="39"/>
      <c r="D1081" s="103"/>
      <c r="E1081" s="292"/>
      <c r="F1081" s="293"/>
      <c r="G1081" s="39"/>
      <c r="H1081" s="39"/>
      <c r="I1081" s="39"/>
      <c r="K1081" s="79"/>
      <c r="L1081" s="69"/>
      <c r="M1081" s="12"/>
      <c r="N1081" s="28"/>
      <c r="P1081" s="29"/>
    </row>
    <row r="1082" spans="1:16" ht="16.5" customHeight="1" x14ac:dyDescent="0.25">
      <c r="A1082" s="48"/>
      <c r="B1082" s="39"/>
      <c r="C1082" s="39"/>
      <c r="D1082" s="103"/>
      <c r="E1082" s="292"/>
      <c r="F1082" s="293"/>
      <c r="G1082" s="39"/>
      <c r="H1082" s="39"/>
      <c r="I1082" s="39"/>
      <c r="K1082" s="79"/>
      <c r="L1082" s="69"/>
      <c r="M1082" s="12"/>
      <c r="N1082" s="28"/>
      <c r="P1082" s="29"/>
    </row>
    <row r="1083" spans="1:16" ht="16.5" customHeight="1" x14ac:dyDescent="0.25">
      <c r="A1083" s="48"/>
      <c r="B1083" s="39"/>
      <c r="C1083" s="39"/>
      <c r="D1083" s="103"/>
      <c r="E1083" s="292"/>
      <c r="F1083" s="293"/>
      <c r="G1083" s="39"/>
      <c r="H1083" s="39"/>
      <c r="I1083" s="39"/>
      <c r="K1083" s="79"/>
      <c r="L1083" s="69"/>
      <c r="M1083" s="12"/>
      <c r="N1083" s="28"/>
      <c r="P1083" s="29"/>
    </row>
    <row r="1084" spans="1:16" ht="16.5" customHeight="1" x14ac:dyDescent="0.25">
      <c r="A1084" s="48"/>
      <c r="B1084" s="39"/>
      <c r="C1084" s="39"/>
      <c r="D1084" s="103"/>
      <c r="E1084" s="292"/>
      <c r="F1084" s="293"/>
      <c r="G1084" s="39"/>
      <c r="H1084" s="39"/>
      <c r="I1084" s="39"/>
      <c r="K1084" s="79"/>
      <c r="L1084" s="69"/>
      <c r="M1084" s="12"/>
      <c r="N1084" s="28"/>
      <c r="P1084" s="29"/>
    </row>
    <row r="1085" spans="1:16" ht="16.5" customHeight="1" x14ac:dyDescent="0.25">
      <c r="A1085" s="48"/>
      <c r="B1085" s="39"/>
      <c r="C1085" s="39"/>
      <c r="D1085" s="103"/>
      <c r="E1085" s="292"/>
      <c r="F1085" s="293"/>
      <c r="G1085" s="39"/>
      <c r="H1085" s="39"/>
      <c r="I1085" s="39"/>
      <c r="K1085" s="79"/>
      <c r="L1085" s="69"/>
      <c r="M1085" s="12"/>
      <c r="N1085" s="28"/>
      <c r="P1085" s="29"/>
    </row>
    <row r="1086" spans="1:16" ht="16.5" customHeight="1" x14ac:dyDescent="0.25">
      <c r="A1086" s="48"/>
      <c r="B1086" s="39"/>
      <c r="C1086" s="39"/>
      <c r="D1086" s="103"/>
      <c r="E1086" s="292"/>
      <c r="F1086" s="293"/>
      <c r="G1086" s="39"/>
      <c r="H1086" s="39"/>
      <c r="I1086" s="39"/>
      <c r="K1086" s="79"/>
      <c r="L1086" s="69"/>
      <c r="M1086" s="12"/>
      <c r="N1086" s="28"/>
      <c r="P1086" s="29"/>
    </row>
    <row r="1087" spans="1:16" ht="16.5" customHeight="1" x14ac:dyDescent="0.25">
      <c r="A1087" s="48"/>
      <c r="B1087" s="39"/>
      <c r="C1087" s="39"/>
      <c r="D1087" s="103"/>
      <c r="E1087" s="292"/>
      <c r="F1087" s="293"/>
      <c r="G1087" s="39"/>
      <c r="H1087" s="39"/>
      <c r="I1087" s="39"/>
      <c r="K1087" s="79"/>
      <c r="L1087" s="69"/>
      <c r="M1087" s="12"/>
      <c r="N1087" s="28"/>
      <c r="P1087" s="29"/>
    </row>
    <row r="1088" spans="1:16" ht="16.5" customHeight="1" x14ac:dyDescent="0.25">
      <c r="A1088" s="48"/>
      <c r="B1088" s="39"/>
      <c r="C1088" s="39"/>
      <c r="D1088" s="104"/>
      <c r="E1088" s="288"/>
      <c r="F1088" s="289"/>
      <c r="G1088" s="39"/>
      <c r="H1088" s="39"/>
      <c r="I1088" s="39"/>
      <c r="K1088" s="79"/>
      <c r="L1088" s="69"/>
      <c r="M1088" s="12"/>
      <c r="N1088" s="28"/>
      <c r="P1088" s="29"/>
    </row>
    <row r="1089" spans="1:16" ht="16.5" customHeight="1" x14ac:dyDescent="0.25">
      <c r="A1089" s="48"/>
      <c r="B1089" s="39" t="s">
        <v>94</v>
      </c>
      <c r="C1089" s="39"/>
      <c r="D1089" s="39"/>
      <c r="E1089" s="39"/>
      <c r="F1089" s="39"/>
      <c r="G1089" s="39"/>
      <c r="H1089" s="39"/>
      <c r="I1089" s="39"/>
      <c r="K1089" s="88" t="s">
        <v>101</v>
      </c>
      <c r="L1089" s="87" t="s">
        <v>101</v>
      </c>
      <c r="M1089" s="12" t="s">
        <v>529</v>
      </c>
      <c r="N1089" s="28"/>
      <c r="P1089" s="29"/>
    </row>
    <row r="1090" spans="1:16" ht="16.5" customHeight="1" x14ac:dyDescent="0.25">
      <c r="A1090" s="48"/>
      <c r="B1090" s="39" t="s">
        <v>531</v>
      </c>
      <c r="E1090" s="39"/>
      <c r="F1090" s="39"/>
      <c r="G1090" s="39"/>
      <c r="H1090" s="39"/>
      <c r="I1090" s="39"/>
      <c r="K1090" s="88" t="s">
        <v>101</v>
      </c>
      <c r="L1090" s="87" t="s">
        <v>101</v>
      </c>
      <c r="M1090" s="12" t="s">
        <v>530</v>
      </c>
      <c r="N1090" s="28"/>
      <c r="P1090" s="29"/>
    </row>
    <row r="1091" spans="1:16" ht="16.5" customHeight="1" x14ac:dyDescent="0.25">
      <c r="A1091" s="48"/>
      <c r="D1091" s="259" t="s">
        <v>557</v>
      </c>
      <c r="E1091" s="319" t="s">
        <v>556</v>
      </c>
      <c r="F1091" s="320"/>
      <c r="G1091" s="321"/>
      <c r="H1091" s="39"/>
      <c r="I1091" s="39"/>
      <c r="K1091" s="79"/>
      <c r="L1091" s="69"/>
      <c r="M1091" s="12" t="s">
        <v>674</v>
      </c>
      <c r="N1091" s="28"/>
      <c r="P1091" s="29"/>
    </row>
    <row r="1092" spans="1:16" ht="16.5" customHeight="1" x14ac:dyDescent="0.25">
      <c r="A1092" s="48"/>
      <c r="C1092" s="39"/>
      <c r="D1092" s="262"/>
      <c r="E1092" s="426"/>
      <c r="F1092" s="427"/>
      <c r="G1092" s="428"/>
      <c r="H1092" s="39"/>
      <c r="I1092" s="143"/>
      <c r="K1092" s="88"/>
      <c r="L1092" s="87"/>
      <c r="M1092" s="12" t="s">
        <v>584</v>
      </c>
      <c r="N1092" s="28"/>
      <c r="P1092" s="29"/>
    </row>
    <row r="1093" spans="1:16" ht="16.5" customHeight="1" x14ac:dyDescent="0.25">
      <c r="A1093" s="48"/>
      <c r="B1093" s="39" t="s">
        <v>125</v>
      </c>
      <c r="H1093" s="39"/>
      <c r="I1093" s="39"/>
      <c r="K1093" s="88" t="s">
        <v>101</v>
      </c>
      <c r="L1093" s="87" t="s">
        <v>101</v>
      </c>
      <c r="M1093" s="12" t="s">
        <v>38</v>
      </c>
      <c r="N1093" s="28"/>
      <c r="P1093" s="29"/>
    </row>
    <row r="1094" spans="1:16" ht="16.5" customHeight="1" x14ac:dyDescent="0.25">
      <c r="A1094" s="48"/>
      <c r="B1094" s="39" t="s">
        <v>123</v>
      </c>
      <c r="H1094" s="39"/>
      <c r="I1094" s="39"/>
      <c r="K1094" s="79"/>
      <c r="L1094" s="69"/>
      <c r="M1094" s="12"/>
      <c r="N1094" s="28"/>
      <c r="P1094" s="29"/>
    </row>
    <row r="1095" spans="1:16" ht="16.5" customHeight="1" x14ac:dyDescent="0.25">
      <c r="A1095" s="48"/>
      <c r="B1095" s="39" t="s">
        <v>532</v>
      </c>
      <c r="H1095" s="39"/>
      <c r="I1095" s="39"/>
      <c r="K1095" s="79"/>
      <c r="L1095" s="69"/>
      <c r="M1095" s="12"/>
      <c r="N1095" s="28"/>
      <c r="P1095" s="29"/>
    </row>
    <row r="1096" spans="1:16" ht="16.5" customHeight="1" x14ac:dyDescent="0.25">
      <c r="A1096" s="48"/>
      <c r="B1096" s="39" t="s">
        <v>127</v>
      </c>
      <c r="C1096" s="39"/>
      <c r="D1096" s="39"/>
      <c r="E1096" s="39"/>
      <c r="F1096" s="39"/>
      <c r="G1096" s="39"/>
      <c r="H1096" s="39"/>
      <c r="I1096" s="39"/>
      <c r="K1096" s="88" t="s">
        <v>101</v>
      </c>
      <c r="L1096" s="87" t="s">
        <v>101</v>
      </c>
      <c r="M1096" s="12" t="s">
        <v>39</v>
      </c>
      <c r="N1096" s="28"/>
      <c r="P1096" s="29"/>
    </row>
    <row r="1097" spans="1:16" ht="16.5" customHeight="1" x14ac:dyDescent="0.25">
      <c r="A1097" s="48"/>
      <c r="B1097" s="39" t="s">
        <v>126</v>
      </c>
      <c r="C1097" s="39"/>
      <c r="D1097" s="39"/>
      <c r="E1097" s="39"/>
      <c r="F1097" s="39"/>
      <c r="G1097" s="39"/>
      <c r="H1097" s="39"/>
      <c r="I1097" s="39"/>
      <c r="K1097" s="79"/>
      <c r="L1097" s="69"/>
      <c r="M1097" s="12"/>
      <c r="N1097" s="28"/>
      <c r="P1097" s="29"/>
    </row>
    <row r="1098" spans="1:16" ht="16.5" customHeight="1" x14ac:dyDescent="0.25">
      <c r="A1098" s="48"/>
      <c r="B1098" s="39" t="s">
        <v>327</v>
      </c>
      <c r="C1098" s="39"/>
      <c r="G1098" s="39"/>
      <c r="H1098" s="39"/>
      <c r="I1098" s="39"/>
      <c r="K1098" s="79"/>
      <c r="L1098" s="69"/>
      <c r="M1098" s="12"/>
      <c r="N1098" s="28"/>
      <c r="P1098" s="29"/>
    </row>
    <row r="1099" spans="1:16" ht="16.5" customHeight="1" x14ac:dyDescent="0.25">
      <c r="A1099" s="48"/>
      <c r="B1099" s="39"/>
      <c r="C1099" s="39"/>
      <c r="D1099" s="90" t="s">
        <v>366</v>
      </c>
      <c r="E1099" s="286" t="s">
        <v>78</v>
      </c>
      <c r="F1099" s="287"/>
      <c r="G1099" s="39"/>
      <c r="H1099" s="39"/>
      <c r="I1099" s="39"/>
      <c r="K1099" s="88"/>
      <c r="L1099" s="87"/>
      <c r="M1099" s="12"/>
      <c r="N1099" s="28"/>
      <c r="P1099" s="29"/>
    </row>
    <row r="1100" spans="1:16" ht="16.5" customHeight="1" x14ac:dyDescent="0.25">
      <c r="A1100" s="48"/>
      <c r="B1100" s="39"/>
      <c r="C1100" s="39"/>
      <c r="D1100" s="103"/>
      <c r="E1100" s="357"/>
      <c r="F1100" s="358"/>
      <c r="G1100" s="39"/>
      <c r="H1100" s="39"/>
      <c r="I1100" s="39"/>
      <c r="K1100" s="79"/>
      <c r="L1100" s="69"/>
      <c r="M1100" s="12"/>
      <c r="N1100" s="28"/>
      <c r="P1100" s="29"/>
    </row>
    <row r="1101" spans="1:16" ht="16.5" customHeight="1" x14ac:dyDescent="0.25">
      <c r="A1101" s="48"/>
      <c r="B1101" s="39"/>
      <c r="C1101" s="39"/>
      <c r="D1101" s="103"/>
      <c r="E1101" s="357"/>
      <c r="F1101" s="358"/>
      <c r="G1101" s="39"/>
      <c r="H1101" s="39"/>
      <c r="I1101" s="39"/>
      <c r="K1101" s="79"/>
      <c r="L1101" s="69"/>
      <c r="M1101" s="12"/>
      <c r="N1101" s="28"/>
      <c r="P1101" s="29"/>
    </row>
    <row r="1102" spans="1:16" ht="16.5" customHeight="1" x14ac:dyDescent="0.25">
      <c r="A1102" s="48"/>
      <c r="B1102" s="39"/>
      <c r="C1102" s="39"/>
      <c r="D1102" s="103"/>
      <c r="E1102" s="357"/>
      <c r="F1102" s="358"/>
      <c r="G1102" s="39"/>
      <c r="H1102" s="39"/>
      <c r="I1102" s="39"/>
      <c r="K1102" s="79"/>
      <c r="L1102" s="69"/>
      <c r="M1102" s="12"/>
      <c r="N1102" s="28"/>
      <c r="P1102" s="29"/>
    </row>
    <row r="1103" spans="1:16" ht="16.5" customHeight="1" x14ac:dyDescent="0.25">
      <c r="A1103" s="48"/>
      <c r="B1103" s="39"/>
      <c r="C1103" s="39"/>
      <c r="D1103" s="104"/>
      <c r="E1103" s="306"/>
      <c r="F1103" s="307"/>
      <c r="G1103" s="39"/>
      <c r="H1103" s="39"/>
      <c r="I1103" s="39"/>
      <c r="K1103" s="79"/>
      <c r="L1103" s="69"/>
      <c r="M1103" s="12"/>
      <c r="N1103" s="28"/>
      <c r="P1103" s="29"/>
    </row>
    <row r="1104" spans="1:16" ht="16.5" customHeight="1" x14ac:dyDescent="0.25">
      <c r="A1104" s="48"/>
      <c r="B1104" s="39" t="s">
        <v>128</v>
      </c>
      <c r="H1104" s="39"/>
      <c r="I1104" s="39"/>
      <c r="K1104" s="88" t="s">
        <v>101</v>
      </c>
      <c r="L1104" s="87" t="s">
        <v>101</v>
      </c>
      <c r="M1104" s="12"/>
      <c r="N1104" s="28"/>
      <c r="P1104" s="29"/>
    </row>
    <row r="1105" spans="1:16" ht="16.5" customHeight="1" x14ac:dyDescent="0.25">
      <c r="A1105" s="48"/>
      <c r="B1105" s="39" t="s">
        <v>577</v>
      </c>
      <c r="H1105" s="39"/>
      <c r="I1105" s="39"/>
      <c r="K1105" s="79"/>
      <c r="L1105" s="69"/>
      <c r="M1105" s="12"/>
      <c r="N1105" s="28"/>
      <c r="P1105" s="29"/>
    </row>
    <row r="1106" spans="1:16" ht="16.5" customHeight="1" x14ac:dyDescent="0.25">
      <c r="A1106" s="48"/>
      <c r="B1106" s="39" t="s">
        <v>327</v>
      </c>
      <c r="H1106" s="39"/>
      <c r="I1106" s="39"/>
      <c r="K1106" s="88"/>
      <c r="L1106" s="87"/>
      <c r="M1106" s="12"/>
      <c r="N1106" s="28"/>
      <c r="P1106" s="29"/>
    </row>
    <row r="1107" spans="1:16" ht="16.5" customHeight="1" x14ac:dyDescent="0.25">
      <c r="A1107" s="48"/>
      <c r="C1107" s="39"/>
      <c r="D1107" s="90" t="s">
        <v>366</v>
      </c>
      <c r="E1107" s="286" t="s">
        <v>78</v>
      </c>
      <c r="F1107" s="287"/>
      <c r="G1107" s="39"/>
      <c r="H1107" s="39"/>
      <c r="I1107" s="39"/>
      <c r="K1107" s="79"/>
      <c r="L1107" s="69"/>
      <c r="M1107" s="12"/>
      <c r="N1107" s="28"/>
      <c r="P1107" s="29"/>
    </row>
    <row r="1108" spans="1:16" ht="16.5" customHeight="1" x14ac:dyDescent="0.25">
      <c r="A1108" s="48"/>
      <c r="C1108" s="39"/>
      <c r="D1108" s="103"/>
      <c r="E1108" s="357"/>
      <c r="F1108" s="358"/>
      <c r="G1108" s="39"/>
      <c r="H1108" s="39"/>
      <c r="I1108" s="39"/>
      <c r="K1108" s="79"/>
      <c r="L1108" s="69"/>
      <c r="M1108" s="12"/>
      <c r="N1108" s="28"/>
      <c r="P1108" s="29"/>
    </row>
    <row r="1109" spans="1:16" ht="16.5" customHeight="1" x14ac:dyDescent="0.25">
      <c r="A1109" s="48"/>
      <c r="B1109" s="39"/>
      <c r="C1109" s="39"/>
      <c r="D1109" s="103"/>
      <c r="E1109" s="357"/>
      <c r="F1109" s="358"/>
      <c r="G1109" s="39"/>
      <c r="H1109" s="39"/>
      <c r="I1109" s="39"/>
      <c r="K1109" s="79"/>
      <c r="L1109" s="69"/>
      <c r="M1109" s="12"/>
      <c r="N1109" s="28"/>
      <c r="P1109" s="29"/>
    </row>
    <row r="1110" spans="1:16" ht="16.5" customHeight="1" x14ac:dyDescent="0.25">
      <c r="A1110" s="48"/>
      <c r="B1110" s="39"/>
      <c r="C1110" s="39"/>
      <c r="D1110" s="103"/>
      <c r="E1110" s="292"/>
      <c r="F1110" s="293"/>
      <c r="G1110" s="39"/>
      <c r="H1110" s="39"/>
      <c r="I1110" s="39"/>
      <c r="K1110" s="79"/>
      <c r="L1110" s="69"/>
      <c r="M1110" s="12"/>
      <c r="N1110" s="28"/>
      <c r="P1110" s="29"/>
    </row>
    <row r="1111" spans="1:16" ht="16.5" customHeight="1" x14ac:dyDescent="0.25">
      <c r="A1111" s="48"/>
      <c r="B1111" s="39"/>
      <c r="C1111" s="39"/>
      <c r="D1111" s="104"/>
      <c r="E1111" s="288"/>
      <c r="F1111" s="289"/>
      <c r="G1111" s="39"/>
      <c r="H1111" s="39"/>
      <c r="I1111" s="39"/>
      <c r="K1111" s="79"/>
      <c r="L1111" s="69"/>
      <c r="M1111" s="12"/>
      <c r="N1111" s="28"/>
      <c r="P1111" s="29"/>
    </row>
    <row r="1112" spans="1:16" ht="16.5" customHeight="1" x14ac:dyDescent="0.25">
      <c r="A1112" s="48"/>
      <c r="B1112" s="39"/>
      <c r="C1112" s="39" t="s">
        <v>368</v>
      </c>
      <c r="D1112" s="39"/>
      <c r="E1112" s="39"/>
      <c r="F1112" s="39"/>
      <c r="G1112" s="39"/>
      <c r="H1112" s="39"/>
      <c r="I1112" s="39"/>
      <c r="K1112" s="88" t="s">
        <v>101</v>
      </c>
      <c r="L1112" s="87" t="s">
        <v>101</v>
      </c>
      <c r="M1112" s="12"/>
      <c r="N1112" s="28"/>
      <c r="P1112" s="29"/>
    </row>
    <row r="1113" spans="1:16" ht="16.5" customHeight="1" x14ac:dyDescent="0.25">
      <c r="A1113" s="48"/>
      <c r="B1113" s="39"/>
      <c r="C1113" s="39"/>
      <c r="D1113" s="337" t="s">
        <v>369</v>
      </c>
      <c r="E1113" s="338"/>
      <c r="F1113" s="338"/>
      <c r="G1113" s="338"/>
      <c r="H1113" s="338"/>
      <c r="I1113" s="339"/>
      <c r="K1113" s="79"/>
      <c r="L1113" s="69"/>
      <c r="M1113" s="12"/>
      <c r="N1113" s="28"/>
      <c r="P1113" s="29"/>
    </row>
    <row r="1114" spans="1:16" ht="16.5" customHeight="1" x14ac:dyDescent="0.25">
      <c r="A1114" s="48"/>
      <c r="B1114" s="39"/>
      <c r="C1114" s="39"/>
      <c r="D1114" s="340"/>
      <c r="E1114" s="341"/>
      <c r="F1114" s="341"/>
      <c r="G1114" s="341"/>
      <c r="H1114" s="341"/>
      <c r="I1114" s="342"/>
      <c r="K1114" s="79"/>
      <c r="L1114" s="69"/>
      <c r="M1114" s="12"/>
      <c r="N1114" s="28"/>
      <c r="P1114" s="29"/>
    </row>
    <row r="1115" spans="1:16" ht="16.5" customHeight="1" x14ac:dyDescent="0.25">
      <c r="A1115" s="48"/>
      <c r="B1115" s="39"/>
      <c r="C1115" s="39"/>
      <c r="D1115" s="343"/>
      <c r="E1115" s="344"/>
      <c r="F1115" s="344"/>
      <c r="G1115" s="344"/>
      <c r="H1115" s="344"/>
      <c r="I1115" s="345"/>
      <c r="K1115" s="79"/>
      <c r="L1115" s="69"/>
      <c r="M1115" s="12"/>
      <c r="N1115" s="28"/>
      <c r="P1115" s="29"/>
    </row>
    <row r="1116" spans="1:16" ht="16.5" customHeight="1" x14ac:dyDescent="0.25">
      <c r="A1116" s="48"/>
      <c r="B1116" s="39"/>
      <c r="C1116" s="39"/>
      <c r="D1116" s="343"/>
      <c r="E1116" s="344"/>
      <c r="F1116" s="344"/>
      <c r="G1116" s="344"/>
      <c r="H1116" s="344"/>
      <c r="I1116" s="345"/>
      <c r="K1116" s="79"/>
      <c r="L1116" s="69"/>
      <c r="M1116" s="12"/>
      <c r="N1116" s="28"/>
      <c r="P1116" s="29"/>
    </row>
    <row r="1117" spans="1:16" ht="16.5" customHeight="1" x14ac:dyDescent="0.25">
      <c r="A1117" s="48"/>
      <c r="B1117" s="39"/>
      <c r="C1117" s="39"/>
      <c r="D1117" s="346"/>
      <c r="E1117" s="347"/>
      <c r="F1117" s="347"/>
      <c r="G1117" s="347"/>
      <c r="H1117" s="347"/>
      <c r="I1117" s="348"/>
      <c r="K1117" s="79"/>
      <c r="L1117" s="69"/>
      <c r="M1117" s="12"/>
      <c r="N1117" s="28"/>
      <c r="P1117" s="29"/>
    </row>
    <row r="1118" spans="1:16" ht="16.5" customHeight="1" x14ac:dyDescent="0.25">
      <c r="A1118" s="58"/>
      <c r="B1118" s="59"/>
      <c r="C1118" s="59"/>
      <c r="D1118" s="59"/>
      <c r="E1118" s="59"/>
      <c r="F1118" s="59"/>
      <c r="G1118" s="59"/>
      <c r="H1118" s="59"/>
      <c r="I1118" s="59"/>
      <c r="J1118" s="31"/>
      <c r="K1118" s="80"/>
      <c r="L1118" s="75"/>
      <c r="M1118" s="13"/>
      <c r="N1118" s="30"/>
      <c r="O1118" s="31"/>
      <c r="P1118" s="32"/>
    </row>
    <row r="1119" spans="1:16" ht="16.5" customHeight="1" x14ac:dyDescent="0.25">
      <c r="A1119" s="48"/>
      <c r="B1119" s="39"/>
      <c r="C1119" s="39"/>
      <c r="D1119" s="39"/>
      <c r="E1119" s="39"/>
      <c r="F1119" s="39"/>
      <c r="G1119" s="39"/>
      <c r="H1119" s="39"/>
      <c r="I1119" s="39"/>
      <c r="K1119" s="88"/>
      <c r="L1119" s="87"/>
      <c r="M1119" s="12"/>
      <c r="N1119" s="28"/>
      <c r="P1119" s="29"/>
    </row>
    <row r="1120" spans="1:16" ht="16.5" customHeight="1" x14ac:dyDescent="0.25">
      <c r="A1120" s="48"/>
      <c r="B1120" s="39"/>
      <c r="C1120" s="39"/>
      <c r="D1120" s="39"/>
      <c r="E1120" s="39"/>
      <c r="F1120" s="39"/>
      <c r="G1120" s="39"/>
      <c r="H1120" s="39"/>
      <c r="I1120" s="39"/>
      <c r="K1120" s="79"/>
      <c r="L1120" s="69"/>
      <c r="M1120" s="12"/>
      <c r="N1120" s="28"/>
      <c r="P1120" s="29"/>
    </row>
    <row r="1121" spans="1:16" ht="16.5" customHeight="1" x14ac:dyDescent="0.25">
      <c r="A1121" s="48"/>
      <c r="B1121" s="39"/>
      <c r="C1121" s="39"/>
      <c r="D1121" s="39"/>
      <c r="E1121" s="39"/>
      <c r="F1121" s="39"/>
      <c r="G1121" s="39"/>
      <c r="H1121" s="39"/>
      <c r="I1121" s="39"/>
      <c r="K1121" s="79"/>
      <c r="L1121" s="69"/>
      <c r="M1121" s="12"/>
      <c r="N1121" s="28"/>
      <c r="P1121" s="29"/>
    </row>
    <row r="1122" spans="1:16" ht="16.5" customHeight="1" x14ac:dyDescent="0.25">
      <c r="A1122" s="48"/>
      <c r="B1122" s="39"/>
      <c r="C1122" s="39"/>
      <c r="D1122" s="39"/>
      <c r="E1122" s="39"/>
      <c r="F1122" s="39"/>
      <c r="G1122" s="39"/>
      <c r="H1122" s="39"/>
      <c r="I1122" s="39"/>
      <c r="K1122" s="79"/>
      <c r="L1122" s="69"/>
      <c r="M1122" s="12"/>
      <c r="N1122" s="28"/>
      <c r="P1122" s="29"/>
    </row>
    <row r="1123" spans="1:16" ht="16.5" customHeight="1" x14ac:dyDescent="0.25">
      <c r="A1123" s="48"/>
      <c r="B1123" s="39"/>
      <c r="C1123" s="39"/>
      <c r="D1123" s="39"/>
      <c r="E1123" s="39"/>
      <c r="F1123" s="39"/>
      <c r="G1123" s="39"/>
      <c r="H1123" s="39"/>
      <c r="I1123" s="39"/>
      <c r="K1123" s="79"/>
      <c r="L1123" s="69"/>
      <c r="M1123" s="12"/>
      <c r="N1123" s="28"/>
      <c r="P1123" s="29"/>
    </row>
    <row r="1124" spans="1:16" ht="16.5" customHeight="1" x14ac:dyDescent="0.25">
      <c r="A1124" s="48"/>
      <c r="B1124" s="39"/>
      <c r="C1124" s="39"/>
      <c r="D1124" s="39"/>
      <c r="E1124" s="39"/>
      <c r="F1124" s="39"/>
      <c r="G1124" s="39"/>
      <c r="H1124" s="39"/>
      <c r="I1124" s="39"/>
      <c r="K1124" s="79"/>
      <c r="L1124" s="69"/>
      <c r="M1124" s="12"/>
      <c r="N1124" s="28"/>
      <c r="P1124" s="29"/>
    </row>
    <row r="1125" spans="1:16" ht="16.5" customHeight="1" x14ac:dyDescent="0.25">
      <c r="A1125" s="48"/>
      <c r="B1125" s="39"/>
      <c r="C1125" s="39"/>
      <c r="D1125" s="39"/>
      <c r="E1125" s="39"/>
      <c r="F1125" s="39"/>
      <c r="G1125" s="39"/>
      <c r="H1125" s="39"/>
      <c r="I1125" s="39"/>
      <c r="K1125" s="79"/>
      <c r="L1125" s="69"/>
      <c r="M1125" s="12"/>
      <c r="N1125" s="28"/>
      <c r="P1125" s="29"/>
    </row>
    <row r="1126" spans="1:16" ht="16.5" customHeight="1" x14ac:dyDescent="0.25">
      <c r="A1126" s="48"/>
      <c r="B1126" s="39"/>
      <c r="C1126" s="39"/>
      <c r="D1126" s="39"/>
      <c r="E1126" s="39"/>
      <c r="F1126" s="39"/>
      <c r="G1126" s="39"/>
      <c r="H1126" s="39"/>
      <c r="I1126" s="39"/>
      <c r="K1126" s="79"/>
      <c r="L1126" s="69"/>
      <c r="M1126" s="12"/>
      <c r="N1126" s="28"/>
      <c r="P1126" s="29"/>
    </row>
    <row r="1127" spans="1:16" ht="16.5" customHeight="1" x14ac:dyDescent="0.25">
      <c r="A1127" s="48"/>
      <c r="B1127" s="39"/>
      <c r="C1127" s="39"/>
      <c r="D1127" s="39"/>
      <c r="E1127" s="39"/>
      <c r="F1127" s="39"/>
      <c r="G1127" s="39"/>
      <c r="H1127" s="39"/>
      <c r="I1127" s="39"/>
      <c r="K1127" s="79"/>
      <c r="L1127" s="69"/>
      <c r="M1127" s="12"/>
      <c r="N1127" s="28"/>
      <c r="P1127" s="29"/>
    </row>
    <row r="1128" spans="1:16" ht="16.5" customHeight="1" x14ac:dyDescent="0.25">
      <c r="A1128" s="48"/>
      <c r="B1128" s="39"/>
      <c r="C1128" s="39"/>
      <c r="D1128" s="39"/>
      <c r="E1128" s="39"/>
      <c r="F1128" s="39"/>
      <c r="G1128" s="39"/>
      <c r="H1128" s="39"/>
      <c r="I1128" s="39"/>
      <c r="K1128" s="79"/>
      <c r="L1128" s="69"/>
      <c r="M1128" s="12"/>
      <c r="N1128" s="28"/>
      <c r="P1128" s="29"/>
    </row>
    <row r="1129" spans="1:16" ht="16.5" customHeight="1" x14ac:dyDescent="0.25">
      <c r="A1129" s="48"/>
      <c r="B1129" s="39"/>
      <c r="C1129" s="39"/>
      <c r="D1129" s="39"/>
      <c r="E1129" s="39"/>
      <c r="F1129" s="39"/>
      <c r="G1129" s="39"/>
      <c r="H1129" s="39"/>
      <c r="I1129" s="39"/>
      <c r="K1129" s="79"/>
      <c r="L1129" s="69"/>
      <c r="M1129" s="12"/>
      <c r="N1129" s="28"/>
      <c r="P1129" s="29"/>
    </row>
    <row r="1130" spans="1:16" ht="16.5" customHeight="1" x14ac:dyDescent="0.25">
      <c r="A1130" s="48"/>
      <c r="B1130" s="39"/>
      <c r="C1130" s="39"/>
      <c r="D1130" s="39"/>
      <c r="E1130" s="39"/>
      <c r="F1130" s="39"/>
      <c r="G1130" s="39"/>
      <c r="H1130" s="39"/>
      <c r="I1130" s="39"/>
      <c r="K1130" s="79"/>
      <c r="L1130" s="69"/>
      <c r="M1130" s="12"/>
      <c r="N1130" s="28"/>
      <c r="P1130" s="29"/>
    </row>
    <row r="1131" spans="1:16" ht="16.5" customHeight="1" x14ac:dyDescent="0.25">
      <c r="A1131" s="48"/>
      <c r="B1131" s="39"/>
      <c r="C1131" s="39"/>
      <c r="D1131" s="39"/>
      <c r="E1131" s="39"/>
      <c r="F1131" s="39"/>
      <c r="G1131" s="39"/>
      <c r="H1131" s="39"/>
      <c r="I1131" s="39"/>
      <c r="K1131" s="79"/>
      <c r="L1131" s="69"/>
      <c r="M1131" s="12"/>
      <c r="N1131" s="28"/>
      <c r="P1131" s="29"/>
    </row>
    <row r="1132" spans="1:16" ht="16.5" customHeight="1" x14ac:dyDescent="0.25">
      <c r="A1132" s="48"/>
      <c r="B1132" s="39"/>
      <c r="C1132" s="39"/>
      <c r="D1132" s="39"/>
      <c r="E1132" s="39"/>
      <c r="F1132" s="39"/>
      <c r="G1132" s="39"/>
      <c r="H1132" s="39"/>
      <c r="I1132" s="39"/>
      <c r="K1132" s="79"/>
      <c r="L1132" s="69"/>
      <c r="M1132" s="12"/>
      <c r="N1132" s="28"/>
      <c r="P1132" s="29"/>
    </row>
    <row r="1133" spans="1:16" ht="16.5" customHeight="1" x14ac:dyDescent="0.25">
      <c r="A1133" s="48"/>
      <c r="B1133" s="39"/>
      <c r="C1133" s="39"/>
      <c r="D1133" s="39"/>
      <c r="E1133" s="39"/>
      <c r="F1133" s="39"/>
      <c r="G1133" s="39"/>
      <c r="H1133" s="39"/>
      <c r="I1133" s="39"/>
      <c r="K1133" s="79"/>
      <c r="L1133" s="69"/>
      <c r="M1133" s="12"/>
      <c r="N1133" s="28"/>
      <c r="P1133" s="29"/>
    </row>
    <row r="1134" spans="1:16" ht="16.5" customHeight="1" x14ac:dyDescent="0.25">
      <c r="A1134" s="48"/>
      <c r="B1134" s="39"/>
      <c r="C1134" s="39"/>
      <c r="D1134" s="39"/>
      <c r="E1134" s="39"/>
      <c r="F1134" s="39"/>
      <c r="G1134" s="39"/>
      <c r="H1134" s="39"/>
      <c r="I1134" s="39"/>
      <c r="K1134" s="79"/>
      <c r="L1134" s="69"/>
      <c r="M1134" s="12"/>
      <c r="N1134" s="28"/>
      <c r="P1134" s="29"/>
    </row>
    <row r="1135" spans="1:16" ht="16.5" customHeight="1" x14ac:dyDescent="0.25">
      <c r="A1135" s="48"/>
      <c r="B1135" s="39"/>
      <c r="C1135" s="39"/>
      <c r="D1135" s="39"/>
      <c r="E1135" s="39"/>
      <c r="F1135" s="39"/>
      <c r="G1135" s="39"/>
      <c r="H1135" s="39"/>
      <c r="I1135" s="39"/>
      <c r="K1135" s="79"/>
      <c r="L1135" s="69"/>
      <c r="M1135" s="12"/>
      <c r="N1135" s="28"/>
      <c r="P1135" s="29"/>
    </row>
    <row r="1136" spans="1:16" ht="16.5" customHeight="1" x14ac:dyDescent="0.25">
      <c r="A1136" s="48"/>
      <c r="B1136" s="39"/>
      <c r="C1136" s="39"/>
      <c r="D1136" s="39"/>
      <c r="E1136" s="39"/>
      <c r="F1136" s="39"/>
      <c r="G1136" s="39"/>
      <c r="H1136" s="39"/>
      <c r="I1136" s="39"/>
      <c r="K1136" s="79"/>
      <c r="L1136" s="69"/>
      <c r="M1136" s="12"/>
      <c r="N1136" s="28"/>
      <c r="P1136" s="29"/>
    </row>
    <row r="1137" spans="1:16" ht="16.5" customHeight="1" x14ac:dyDescent="0.25">
      <c r="A1137" s="48"/>
      <c r="B1137" s="39" t="s">
        <v>95</v>
      </c>
      <c r="C1137" s="39"/>
      <c r="D1137" s="39"/>
      <c r="E1137" s="39"/>
      <c r="F1137" s="39"/>
      <c r="G1137" s="39"/>
      <c r="H1137" s="39"/>
      <c r="I1137" s="39"/>
      <c r="K1137" s="88" t="s">
        <v>101</v>
      </c>
      <c r="L1137" s="87" t="s">
        <v>101</v>
      </c>
      <c r="M1137" s="12" t="s">
        <v>35</v>
      </c>
      <c r="N1137" s="28"/>
      <c r="P1137" s="29"/>
    </row>
    <row r="1138" spans="1:16" ht="16.5" customHeight="1" x14ac:dyDescent="0.25">
      <c r="A1138" s="48"/>
      <c r="B1138" s="39" t="s">
        <v>386</v>
      </c>
      <c r="C1138" s="39"/>
      <c r="D1138" s="39"/>
      <c r="E1138" s="39"/>
      <c r="F1138" s="39"/>
      <c r="G1138" s="39"/>
      <c r="H1138" s="39"/>
      <c r="I1138" s="39"/>
      <c r="K1138" s="79"/>
      <c r="L1138" s="69"/>
      <c r="M1138" s="12"/>
      <c r="N1138" s="28"/>
      <c r="P1138" s="29"/>
    </row>
    <row r="1139" spans="1:16" ht="16.5" customHeight="1" x14ac:dyDescent="0.25">
      <c r="A1139" s="48"/>
      <c r="B1139" s="39"/>
      <c r="C1139" s="39"/>
      <c r="D1139" s="39"/>
      <c r="E1139" s="39"/>
      <c r="F1139" s="39"/>
      <c r="G1139" s="39"/>
      <c r="H1139" s="39"/>
      <c r="I1139" s="39"/>
      <c r="K1139" s="79"/>
      <c r="L1139" s="69"/>
      <c r="M1139" s="12"/>
      <c r="N1139" s="28"/>
      <c r="P1139" s="29"/>
    </row>
    <row r="1140" spans="1:16" ht="16.5" customHeight="1" x14ac:dyDescent="0.25">
      <c r="A1140" s="48"/>
      <c r="B1140" s="39" t="s">
        <v>129</v>
      </c>
      <c r="C1140" s="39"/>
      <c r="D1140" s="39"/>
      <c r="E1140" s="39"/>
      <c r="F1140" s="39"/>
      <c r="G1140" s="39"/>
      <c r="H1140" s="39"/>
      <c r="I1140" s="39"/>
      <c r="K1140" s="88" t="s">
        <v>101</v>
      </c>
      <c r="L1140" s="87" t="s">
        <v>101</v>
      </c>
      <c r="M1140" s="12" t="s">
        <v>36</v>
      </c>
      <c r="N1140" s="28"/>
      <c r="P1140" s="29"/>
    </row>
    <row r="1141" spans="1:16" ht="16.5" customHeight="1" x14ac:dyDescent="0.25">
      <c r="A1141" s="48"/>
      <c r="B1141" s="39" t="s">
        <v>578</v>
      </c>
      <c r="C1141" s="39"/>
      <c r="D1141" s="39"/>
      <c r="E1141" s="39"/>
      <c r="F1141" s="39"/>
      <c r="G1141" s="39"/>
      <c r="H1141" s="39"/>
      <c r="I1141" s="39"/>
      <c r="K1141" s="79"/>
      <c r="L1141" s="69"/>
      <c r="M1141" s="12" t="s">
        <v>37</v>
      </c>
      <c r="N1141" s="28"/>
      <c r="P1141" s="29"/>
    </row>
    <row r="1142" spans="1:16" ht="16.5" customHeight="1" x14ac:dyDescent="0.25">
      <c r="A1142" s="48"/>
      <c r="B1142" s="39" t="s">
        <v>387</v>
      </c>
      <c r="C1142" s="39"/>
      <c r="D1142" s="39"/>
      <c r="E1142" s="39"/>
      <c r="F1142" s="39"/>
      <c r="G1142" s="39"/>
      <c r="H1142" s="39"/>
      <c r="I1142" s="39"/>
      <c r="K1142" s="79"/>
      <c r="L1142" s="69"/>
      <c r="M1142" s="12"/>
      <c r="N1142" s="28"/>
      <c r="P1142" s="29"/>
    </row>
    <row r="1143" spans="1:16" ht="16.5" customHeight="1" x14ac:dyDescent="0.25">
      <c r="A1143" s="48"/>
      <c r="B1143" s="39"/>
      <c r="C1143" s="39"/>
      <c r="D1143" s="90" t="s">
        <v>366</v>
      </c>
      <c r="E1143" s="286" t="s">
        <v>78</v>
      </c>
      <c r="F1143" s="287"/>
      <c r="G1143" s="39"/>
      <c r="H1143" s="39"/>
      <c r="I1143" s="39"/>
      <c r="K1143" s="79"/>
      <c r="L1143" s="69"/>
      <c r="M1143" s="12"/>
      <c r="N1143" s="28"/>
      <c r="P1143" s="29"/>
    </row>
    <row r="1144" spans="1:16" ht="16.5" customHeight="1" x14ac:dyDescent="0.25">
      <c r="A1144" s="48"/>
      <c r="B1144" s="39"/>
      <c r="C1144" s="39"/>
      <c r="D1144" s="103"/>
      <c r="E1144" s="357"/>
      <c r="F1144" s="358"/>
      <c r="G1144" s="39"/>
      <c r="H1144" s="39"/>
      <c r="I1144" s="39"/>
      <c r="K1144" s="79"/>
      <c r="L1144" s="69"/>
      <c r="M1144" s="12"/>
      <c r="N1144" s="28"/>
      <c r="P1144" s="29"/>
    </row>
    <row r="1145" spans="1:16" ht="16.5" customHeight="1" x14ac:dyDescent="0.25">
      <c r="A1145" s="48"/>
      <c r="B1145" s="39"/>
      <c r="C1145" s="39"/>
      <c r="D1145" s="103"/>
      <c r="E1145" s="357"/>
      <c r="F1145" s="358"/>
      <c r="G1145" s="39"/>
      <c r="H1145" s="39"/>
      <c r="I1145" s="39"/>
      <c r="K1145" s="79"/>
      <c r="L1145" s="69"/>
      <c r="M1145" s="12"/>
      <c r="N1145" s="28"/>
      <c r="P1145" s="29"/>
    </row>
    <row r="1146" spans="1:16" ht="16.5" customHeight="1" x14ac:dyDescent="0.25">
      <c r="A1146" s="48"/>
      <c r="B1146" s="39"/>
      <c r="C1146" s="39"/>
      <c r="D1146" s="103"/>
      <c r="E1146" s="357"/>
      <c r="F1146" s="358"/>
      <c r="G1146" s="39"/>
      <c r="H1146" s="39"/>
      <c r="I1146" s="39"/>
      <c r="K1146" s="79"/>
      <c r="L1146" s="69"/>
      <c r="M1146" s="12"/>
      <c r="N1146" s="28"/>
      <c r="P1146" s="29"/>
    </row>
    <row r="1147" spans="1:16" ht="16.5" customHeight="1" x14ac:dyDescent="0.25">
      <c r="A1147" s="48"/>
      <c r="D1147" s="104"/>
      <c r="E1147" s="306"/>
      <c r="F1147" s="307"/>
      <c r="K1147" s="79"/>
      <c r="L1147" s="69"/>
      <c r="M1147" s="12"/>
      <c r="N1147" s="28"/>
      <c r="P1147" s="29"/>
    </row>
    <row r="1148" spans="1:16" ht="16.5" customHeight="1" x14ac:dyDescent="0.25">
      <c r="A1148" s="48"/>
      <c r="B1148" s="39" t="s">
        <v>130</v>
      </c>
      <c r="C1148" s="39"/>
      <c r="D1148" s="39"/>
      <c r="E1148" s="39"/>
      <c r="F1148" s="39"/>
      <c r="G1148" s="39"/>
      <c r="H1148" s="39"/>
      <c r="I1148" s="39"/>
      <c r="K1148" s="88" t="s">
        <v>101</v>
      </c>
      <c r="L1148" s="87" t="s">
        <v>101</v>
      </c>
      <c r="M1148" s="12"/>
      <c r="N1148" s="28"/>
      <c r="P1148" s="29"/>
    </row>
    <row r="1149" spans="1:16" ht="16.5" customHeight="1" x14ac:dyDescent="0.25">
      <c r="A1149" s="48"/>
      <c r="B1149" s="39" t="s">
        <v>578</v>
      </c>
      <c r="C1149" s="39"/>
      <c r="D1149" s="39"/>
      <c r="E1149" s="39"/>
      <c r="F1149" s="39"/>
      <c r="G1149" s="39"/>
      <c r="H1149" s="39"/>
      <c r="I1149" s="39"/>
      <c r="K1149" s="79"/>
      <c r="L1149" s="69"/>
      <c r="M1149" s="12"/>
      <c r="N1149" s="28"/>
      <c r="P1149" s="29"/>
    </row>
    <row r="1150" spans="1:16" ht="16.5" customHeight="1" x14ac:dyDescent="0.25">
      <c r="A1150" s="48"/>
      <c r="B1150" s="39" t="s">
        <v>387</v>
      </c>
      <c r="C1150" s="39"/>
      <c r="D1150" s="39"/>
      <c r="E1150" s="39"/>
      <c r="F1150" s="39"/>
      <c r="G1150" s="39"/>
      <c r="H1150" s="39"/>
      <c r="I1150" s="39"/>
      <c r="K1150" s="79"/>
      <c r="L1150" s="69"/>
      <c r="M1150" s="12"/>
      <c r="N1150" s="28"/>
      <c r="P1150" s="29"/>
    </row>
    <row r="1151" spans="1:16" ht="16.5" customHeight="1" x14ac:dyDescent="0.25">
      <c r="A1151" s="48"/>
      <c r="B1151" s="39"/>
      <c r="C1151" s="39"/>
      <c r="D1151" s="90" t="s">
        <v>366</v>
      </c>
      <c r="E1151" s="290" t="s">
        <v>78</v>
      </c>
      <c r="F1151" s="291"/>
      <c r="G1151" s="39"/>
      <c r="H1151" s="39"/>
      <c r="I1151" s="39"/>
      <c r="K1151" s="79"/>
      <c r="L1151" s="69"/>
      <c r="M1151" s="12"/>
      <c r="N1151" s="28"/>
      <c r="P1151" s="29"/>
    </row>
    <row r="1152" spans="1:16" ht="16.5" customHeight="1" x14ac:dyDescent="0.25">
      <c r="A1152" s="48"/>
      <c r="B1152" s="39"/>
      <c r="C1152" s="39"/>
      <c r="D1152" s="103"/>
      <c r="E1152" s="292"/>
      <c r="F1152" s="293"/>
      <c r="G1152" s="39"/>
      <c r="H1152" s="39"/>
      <c r="I1152" s="39"/>
      <c r="K1152" s="79"/>
      <c r="L1152" s="69"/>
      <c r="M1152" s="12"/>
      <c r="N1152" s="28"/>
      <c r="P1152" s="29"/>
    </row>
    <row r="1153" spans="1:16" ht="16.5" customHeight="1" x14ac:dyDescent="0.25">
      <c r="A1153" s="48"/>
      <c r="B1153" s="39"/>
      <c r="C1153" s="39"/>
      <c r="D1153" s="103"/>
      <c r="E1153" s="292"/>
      <c r="F1153" s="293"/>
      <c r="G1153" s="39"/>
      <c r="H1153" s="39"/>
      <c r="I1153" s="39"/>
      <c r="K1153" s="79"/>
      <c r="L1153" s="69"/>
      <c r="M1153" s="12"/>
      <c r="N1153" s="28"/>
      <c r="P1153" s="29"/>
    </row>
    <row r="1154" spans="1:16" ht="16.5" customHeight="1" x14ac:dyDescent="0.25">
      <c r="A1154" s="48"/>
      <c r="B1154" s="39"/>
      <c r="C1154" s="39"/>
      <c r="D1154" s="103"/>
      <c r="E1154" s="292"/>
      <c r="F1154" s="293"/>
      <c r="G1154" s="39"/>
      <c r="H1154" s="39"/>
      <c r="I1154" s="39"/>
      <c r="K1154" s="79"/>
      <c r="L1154" s="69"/>
      <c r="M1154" s="12"/>
      <c r="N1154" s="28"/>
      <c r="P1154" s="29"/>
    </row>
    <row r="1155" spans="1:16" ht="16.5" customHeight="1" x14ac:dyDescent="0.25">
      <c r="A1155" s="48"/>
      <c r="D1155" s="104"/>
      <c r="E1155" s="306"/>
      <c r="F1155" s="307"/>
      <c r="K1155" s="88"/>
      <c r="L1155" s="87"/>
      <c r="M1155" s="12"/>
      <c r="N1155" s="28"/>
      <c r="P1155" s="29"/>
    </row>
    <row r="1156" spans="1:16" ht="16.5" customHeight="1" x14ac:dyDescent="0.25">
      <c r="A1156" s="48"/>
      <c r="B1156" s="39" t="s">
        <v>131</v>
      </c>
      <c r="C1156" s="39"/>
      <c r="D1156" s="39"/>
      <c r="E1156" s="39"/>
      <c r="F1156" s="39"/>
      <c r="G1156" s="39"/>
      <c r="H1156" s="39"/>
      <c r="I1156" s="39"/>
      <c r="K1156" s="88" t="s">
        <v>101</v>
      </c>
      <c r="L1156" s="87" t="s">
        <v>101</v>
      </c>
      <c r="M1156" s="12"/>
      <c r="N1156" s="28"/>
      <c r="P1156" s="29"/>
    </row>
    <row r="1157" spans="1:16" ht="16.5" customHeight="1" x14ac:dyDescent="0.25">
      <c r="A1157" s="48"/>
      <c r="B1157" s="39" t="s">
        <v>123</v>
      </c>
      <c r="C1157" s="39"/>
      <c r="D1157" s="39"/>
      <c r="E1157" s="39"/>
      <c r="F1157" s="39"/>
      <c r="G1157" s="39"/>
      <c r="H1157" s="39"/>
      <c r="I1157" s="39"/>
      <c r="K1157" s="79"/>
      <c r="L1157" s="69"/>
      <c r="M1157" s="12"/>
      <c r="N1157" s="28"/>
      <c r="P1157" s="29"/>
    </row>
    <row r="1158" spans="1:16" ht="16.5" customHeight="1" x14ac:dyDescent="0.25">
      <c r="A1158" s="48"/>
      <c r="B1158" s="39"/>
      <c r="C1158" s="39"/>
      <c r="D1158" s="336"/>
      <c r="E1158" s="336"/>
      <c r="F1158" s="336"/>
      <c r="G1158" s="336"/>
      <c r="H1158" s="336"/>
      <c r="I1158" s="39"/>
      <c r="K1158" s="79"/>
      <c r="L1158" s="69"/>
      <c r="M1158" s="12"/>
      <c r="N1158" s="28"/>
      <c r="P1158" s="29"/>
    </row>
    <row r="1159" spans="1:16" ht="16.5" customHeight="1" x14ac:dyDescent="0.25">
      <c r="A1159" s="48"/>
      <c r="B1159" s="39"/>
      <c r="C1159" s="39"/>
      <c r="D1159" s="282"/>
      <c r="E1159" s="282"/>
      <c r="F1159" s="281"/>
      <c r="G1159" s="281"/>
      <c r="H1159" s="281"/>
      <c r="I1159" s="39"/>
      <c r="K1159" s="79"/>
      <c r="L1159" s="69"/>
      <c r="M1159" s="12"/>
      <c r="N1159" s="28"/>
      <c r="P1159" s="29"/>
    </row>
    <row r="1160" spans="1:16" ht="16.5" customHeight="1" x14ac:dyDescent="0.25">
      <c r="A1160" s="48"/>
      <c r="B1160" s="39"/>
      <c r="C1160" s="39"/>
      <c r="D1160" s="281"/>
      <c r="E1160" s="281"/>
      <c r="F1160" s="281"/>
      <c r="G1160" s="281"/>
      <c r="H1160" s="281"/>
      <c r="I1160" s="39"/>
      <c r="K1160" s="79"/>
      <c r="L1160" s="69"/>
      <c r="M1160" s="12"/>
      <c r="N1160" s="28"/>
      <c r="P1160" s="29"/>
    </row>
    <row r="1161" spans="1:16" ht="16.5" customHeight="1" x14ac:dyDescent="0.25">
      <c r="A1161" s="48"/>
      <c r="B1161" s="39"/>
      <c r="C1161" s="39"/>
      <c r="D1161" s="281"/>
      <c r="E1161" s="281"/>
      <c r="F1161" s="281"/>
      <c r="G1161" s="281"/>
      <c r="H1161" s="281"/>
      <c r="I1161" s="39"/>
      <c r="K1161" s="79"/>
      <c r="L1161" s="69"/>
      <c r="M1161" s="12"/>
      <c r="N1161" s="28"/>
      <c r="P1161" s="29"/>
    </row>
    <row r="1162" spans="1:16" ht="16.5" customHeight="1" x14ac:dyDescent="0.25">
      <c r="A1162" s="48"/>
      <c r="B1162" s="39"/>
      <c r="C1162" s="39"/>
      <c r="D1162" s="281"/>
      <c r="E1162" s="281"/>
      <c r="F1162" s="281"/>
      <c r="G1162" s="281"/>
      <c r="H1162" s="281"/>
      <c r="I1162" s="39"/>
      <c r="K1162" s="79"/>
      <c r="L1162" s="69"/>
      <c r="M1162" s="12"/>
      <c r="N1162" s="28"/>
      <c r="P1162" s="29"/>
    </row>
    <row r="1163" spans="1:16" ht="16.5" customHeight="1" x14ac:dyDescent="0.25">
      <c r="A1163" s="48"/>
      <c r="B1163" s="39"/>
      <c r="C1163" s="39"/>
      <c r="D1163" s="281"/>
      <c r="E1163" s="281"/>
      <c r="F1163" s="281"/>
      <c r="G1163" s="281"/>
      <c r="H1163" s="281"/>
      <c r="I1163" s="39"/>
      <c r="K1163" s="79"/>
      <c r="L1163" s="69"/>
      <c r="M1163" s="12"/>
      <c r="N1163" s="28"/>
      <c r="P1163" s="29"/>
    </row>
    <row r="1164" spans="1:16" ht="16.5" customHeight="1" x14ac:dyDescent="0.25">
      <c r="A1164" s="48"/>
      <c r="B1164" s="39"/>
      <c r="C1164" s="39"/>
      <c r="D1164" s="281"/>
      <c r="E1164" s="281"/>
      <c r="F1164" s="281"/>
      <c r="G1164" s="281"/>
      <c r="H1164" s="281"/>
      <c r="I1164" s="39"/>
      <c r="K1164" s="79"/>
      <c r="L1164" s="69"/>
      <c r="M1164" s="12"/>
      <c r="N1164" s="28"/>
      <c r="P1164" s="29"/>
    </row>
    <row r="1165" spans="1:16" ht="16.5" customHeight="1" x14ac:dyDescent="0.25">
      <c r="A1165" s="58"/>
      <c r="B1165" s="59"/>
      <c r="C1165" s="59"/>
      <c r="D1165" s="59"/>
      <c r="E1165" s="59"/>
      <c r="F1165" s="59"/>
      <c r="G1165" s="59"/>
      <c r="H1165" s="59"/>
      <c r="I1165" s="59"/>
      <c r="J1165" s="31"/>
      <c r="K1165" s="80"/>
      <c r="L1165" s="75"/>
      <c r="M1165" s="13"/>
      <c r="N1165" s="30"/>
      <c r="O1165" s="31"/>
      <c r="P1165" s="32"/>
    </row>
    <row r="1166" spans="1:16" ht="16.5" customHeight="1" x14ac:dyDescent="0.25">
      <c r="A1166" s="48"/>
      <c r="B1166" s="39" t="s">
        <v>658</v>
      </c>
      <c r="C1166" s="39"/>
      <c r="D1166" s="39"/>
      <c r="E1166" s="39"/>
      <c r="F1166" s="39"/>
      <c r="G1166" s="39"/>
      <c r="H1166" s="39"/>
      <c r="I1166" s="39"/>
      <c r="K1166" s="79"/>
      <c r="L1166" s="69"/>
      <c r="M1166" s="12"/>
      <c r="N1166" s="28"/>
      <c r="P1166" s="29"/>
    </row>
    <row r="1167" spans="1:16" ht="16.5" customHeight="1" x14ac:dyDescent="0.25">
      <c r="A1167" s="48"/>
      <c r="B1167" s="39" t="s">
        <v>640</v>
      </c>
      <c r="C1167" s="39"/>
      <c r="D1167" s="39"/>
      <c r="E1167" s="39"/>
      <c r="F1167" s="39"/>
      <c r="G1167" s="39"/>
      <c r="H1167" s="39"/>
      <c r="I1167" s="39"/>
      <c r="K1167" s="88" t="s">
        <v>101</v>
      </c>
      <c r="L1167" s="87" t="s">
        <v>101</v>
      </c>
      <c r="M1167" s="12" t="s">
        <v>38</v>
      </c>
      <c r="N1167" s="28"/>
      <c r="P1167" s="29"/>
    </row>
    <row r="1168" spans="1:16" ht="16.5" customHeight="1" x14ac:dyDescent="0.25">
      <c r="A1168" s="48"/>
      <c r="B1168" s="39" t="s">
        <v>667</v>
      </c>
      <c r="C1168" s="39"/>
      <c r="D1168" s="39"/>
      <c r="E1168" s="39"/>
      <c r="F1168" s="39"/>
      <c r="G1168" s="39"/>
      <c r="H1168" s="39"/>
      <c r="I1168" s="39"/>
      <c r="K1168" s="79"/>
      <c r="L1168" s="69"/>
      <c r="M1168" s="12"/>
      <c r="N1168" s="28"/>
      <c r="P1168" s="29"/>
    </row>
    <row r="1169" spans="1:16" ht="16.5" customHeight="1" x14ac:dyDescent="0.25">
      <c r="A1169" s="48"/>
      <c r="B1169" s="39" t="s">
        <v>641</v>
      </c>
      <c r="C1169" s="39"/>
      <c r="D1169" s="39"/>
      <c r="E1169" s="39"/>
      <c r="F1169" s="39"/>
      <c r="G1169" s="39"/>
      <c r="H1169" s="39"/>
      <c r="I1169" s="39"/>
      <c r="K1169" s="88" t="s">
        <v>101</v>
      </c>
      <c r="L1169" s="87" t="s">
        <v>101</v>
      </c>
      <c r="M1169" s="12"/>
      <c r="N1169" s="28"/>
      <c r="P1169" s="29"/>
    </row>
    <row r="1170" spans="1:16" ht="16.5" customHeight="1" x14ac:dyDescent="0.25">
      <c r="A1170" s="48"/>
      <c r="B1170" s="39" t="s">
        <v>642</v>
      </c>
      <c r="C1170" s="39"/>
      <c r="D1170" s="39"/>
      <c r="E1170" s="39"/>
      <c r="F1170" s="39"/>
      <c r="G1170" s="39"/>
      <c r="H1170" s="39"/>
      <c r="I1170" s="39"/>
      <c r="K1170" s="79"/>
      <c r="L1170" s="69"/>
      <c r="M1170" s="12"/>
      <c r="N1170" s="28"/>
      <c r="P1170" s="29"/>
    </row>
    <row r="1171" spans="1:16" ht="16.5" customHeight="1" x14ac:dyDescent="0.25">
      <c r="A1171" s="48"/>
      <c r="B1171" s="39" t="s">
        <v>643</v>
      </c>
      <c r="C1171" s="39"/>
      <c r="D1171" s="39"/>
      <c r="E1171" s="39"/>
      <c r="F1171" s="39"/>
      <c r="G1171" s="39"/>
      <c r="H1171" s="39"/>
      <c r="I1171" s="39"/>
      <c r="K1171" s="88" t="s">
        <v>101</v>
      </c>
      <c r="L1171" s="87" t="s">
        <v>101</v>
      </c>
      <c r="M1171" s="12"/>
      <c r="N1171" s="28"/>
      <c r="P1171" s="29"/>
    </row>
    <row r="1172" spans="1:16" ht="16.5" customHeight="1" x14ac:dyDescent="0.25">
      <c r="A1172" s="48"/>
      <c r="B1172" s="39" t="s">
        <v>123</v>
      </c>
      <c r="C1172" s="39"/>
      <c r="D1172" s="39"/>
      <c r="E1172" s="39"/>
      <c r="F1172" s="39"/>
      <c r="G1172" s="39"/>
      <c r="H1172" s="39"/>
      <c r="I1172" s="39"/>
      <c r="K1172" s="79"/>
      <c r="L1172" s="69"/>
      <c r="M1172" s="12"/>
      <c r="N1172" s="28"/>
      <c r="P1172" s="29"/>
    </row>
    <row r="1173" spans="1:16" ht="16.5" customHeight="1" x14ac:dyDescent="0.25">
      <c r="A1173" s="48"/>
      <c r="B1173" s="39" t="s">
        <v>644</v>
      </c>
      <c r="C1173" s="39"/>
      <c r="D1173" s="39"/>
      <c r="E1173" s="39"/>
      <c r="F1173" s="39"/>
      <c r="G1173" s="39"/>
      <c r="H1173" s="39"/>
      <c r="I1173" s="39"/>
      <c r="K1173" s="88" t="s">
        <v>101</v>
      </c>
      <c r="L1173" s="87" t="s">
        <v>101</v>
      </c>
      <c r="M1173" s="12" t="s">
        <v>529</v>
      </c>
      <c r="N1173" s="28"/>
      <c r="P1173" s="29"/>
    </row>
    <row r="1174" spans="1:16" ht="16.5" customHeight="1" x14ac:dyDescent="0.25">
      <c r="A1174" s="48"/>
      <c r="B1174" s="39" t="s">
        <v>645</v>
      </c>
      <c r="C1174" s="39"/>
      <c r="D1174" s="39"/>
      <c r="E1174" s="39"/>
      <c r="F1174" s="39"/>
      <c r="G1174" s="39"/>
      <c r="H1174" s="39"/>
      <c r="I1174" s="39"/>
      <c r="K1174" s="88" t="s">
        <v>101</v>
      </c>
      <c r="L1174" s="87" t="s">
        <v>101</v>
      </c>
      <c r="M1174" s="12" t="s">
        <v>530</v>
      </c>
      <c r="N1174" s="28"/>
      <c r="P1174" s="29"/>
    </row>
    <row r="1175" spans="1:16" ht="16.5" customHeight="1" x14ac:dyDescent="0.25">
      <c r="A1175" s="48"/>
      <c r="B1175" s="39" t="s">
        <v>647</v>
      </c>
      <c r="C1175" s="39"/>
      <c r="D1175" s="39"/>
      <c r="E1175" s="39"/>
      <c r="F1175" s="39"/>
      <c r="G1175" s="39"/>
      <c r="H1175" s="39"/>
      <c r="I1175" s="39"/>
      <c r="K1175" s="79"/>
      <c r="L1175" s="69"/>
      <c r="M1175" s="12" t="s">
        <v>43</v>
      </c>
      <c r="N1175" s="28"/>
      <c r="P1175" s="29"/>
    </row>
    <row r="1176" spans="1:16" ht="16.5" customHeight="1" x14ac:dyDescent="0.25">
      <c r="A1176" s="48"/>
      <c r="B1176" s="39" t="s">
        <v>647</v>
      </c>
      <c r="C1176" s="39"/>
      <c r="D1176" s="90" t="s">
        <v>366</v>
      </c>
      <c r="E1176" s="290" t="s">
        <v>78</v>
      </c>
      <c r="F1176" s="291"/>
      <c r="G1176" s="39"/>
      <c r="H1176" s="39"/>
      <c r="I1176" s="39"/>
      <c r="K1176" s="79"/>
      <c r="L1176" s="69"/>
      <c r="M1176" s="12"/>
      <c r="N1176" s="28"/>
      <c r="P1176" s="29"/>
    </row>
    <row r="1177" spans="1:16" ht="16.5" customHeight="1" x14ac:dyDescent="0.25">
      <c r="A1177" s="48"/>
      <c r="B1177" s="39"/>
      <c r="C1177" s="39"/>
      <c r="D1177" s="103"/>
      <c r="E1177" s="292"/>
      <c r="F1177" s="293"/>
      <c r="G1177" s="39"/>
      <c r="H1177" s="39"/>
      <c r="I1177" s="39"/>
      <c r="K1177" s="79"/>
      <c r="L1177" s="69"/>
      <c r="M1177" s="12"/>
      <c r="N1177" s="28"/>
      <c r="P1177" s="29"/>
    </row>
    <row r="1178" spans="1:16" ht="16.5" customHeight="1" x14ac:dyDescent="0.25">
      <c r="A1178" s="48"/>
      <c r="B1178" s="39"/>
      <c r="C1178" s="39"/>
      <c r="D1178" s="103"/>
      <c r="E1178" s="292"/>
      <c r="F1178" s="293"/>
      <c r="G1178" s="39"/>
      <c r="H1178" s="39"/>
      <c r="I1178" s="39"/>
      <c r="K1178" s="79"/>
      <c r="L1178" s="69"/>
      <c r="M1178" s="12"/>
      <c r="N1178" s="28"/>
      <c r="P1178" s="29"/>
    </row>
    <row r="1179" spans="1:16" ht="16.5" customHeight="1" x14ac:dyDescent="0.25">
      <c r="A1179" s="48"/>
      <c r="B1179" s="39"/>
      <c r="C1179" s="39"/>
      <c r="D1179" s="103"/>
      <c r="E1179" s="292"/>
      <c r="F1179" s="293"/>
      <c r="G1179" s="39"/>
      <c r="H1179" s="39"/>
      <c r="I1179" s="39"/>
      <c r="K1179" s="79"/>
      <c r="L1179" s="69"/>
      <c r="M1179" s="12"/>
      <c r="N1179" s="28"/>
      <c r="P1179" s="29"/>
    </row>
    <row r="1180" spans="1:16" ht="16.5" customHeight="1" x14ac:dyDescent="0.25">
      <c r="A1180" s="48"/>
      <c r="B1180" s="39"/>
      <c r="C1180" s="39"/>
      <c r="D1180" s="103"/>
      <c r="E1180" s="292"/>
      <c r="F1180" s="293"/>
      <c r="G1180" s="39"/>
      <c r="H1180" s="39"/>
      <c r="I1180" s="39"/>
      <c r="K1180" s="79"/>
      <c r="L1180" s="69"/>
      <c r="M1180" s="12"/>
      <c r="N1180" s="28"/>
      <c r="P1180" s="29"/>
    </row>
    <row r="1181" spans="1:16" ht="16.5" customHeight="1" x14ac:dyDescent="0.25">
      <c r="A1181" s="48"/>
      <c r="B1181" s="39"/>
      <c r="C1181" s="39"/>
      <c r="D1181" s="103"/>
      <c r="E1181" s="292"/>
      <c r="F1181" s="293"/>
      <c r="G1181" s="39"/>
      <c r="H1181" s="39"/>
      <c r="I1181" s="39"/>
      <c r="K1181" s="79"/>
      <c r="L1181" s="69"/>
      <c r="M1181" s="12"/>
      <c r="N1181" s="28"/>
      <c r="P1181" s="29"/>
    </row>
    <row r="1182" spans="1:16" ht="16.5" customHeight="1" x14ac:dyDescent="0.25">
      <c r="A1182" s="48"/>
      <c r="B1182" s="39"/>
      <c r="C1182" s="39"/>
      <c r="D1182" s="103"/>
      <c r="E1182" s="292"/>
      <c r="F1182" s="293"/>
      <c r="G1182" s="39"/>
      <c r="H1182" s="39"/>
      <c r="I1182" s="39"/>
      <c r="K1182" s="79"/>
      <c r="L1182" s="69"/>
      <c r="M1182" s="12"/>
      <c r="N1182" s="28"/>
      <c r="P1182" s="29"/>
    </row>
    <row r="1183" spans="1:16" ht="16.5" customHeight="1" x14ac:dyDescent="0.25">
      <c r="A1183" s="48"/>
      <c r="B1183" s="39"/>
      <c r="C1183" s="39"/>
      <c r="D1183" s="103"/>
      <c r="E1183" s="292"/>
      <c r="F1183" s="293"/>
      <c r="G1183" s="39"/>
      <c r="H1183" s="39"/>
      <c r="I1183" s="39"/>
      <c r="K1183" s="79"/>
      <c r="L1183" s="69"/>
      <c r="M1183" s="12"/>
      <c r="N1183" s="28"/>
      <c r="P1183" s="29"/>
    </row>
    <row r="1184" spans="1:16" ht="16.5" customHeight="1" x14ac:dyDescent="0.25">
      <c r="A1184" s="48"/>
      <c r="B1184" s="39"/>
      <c r="C1184" s="39"/>
      <c r="D1184" s="103"/>
      <c r="E1184" s="292"/>
      <c r="F1184" s="293"/>
      <c r="G1184" s="39"/>
      <c r="H1184" s="39"/>
      <c r="I1184" s="39"/>
      <c r="K1184" s="79"/>
      <c r="L1184" s="69"/>
      <c r="M1184" s="12"/>
      <c r="N1184" s="28"/>
      <c r="P1184" s="29"/>
    </row>
    <row r="1185" spans="1:16" ht="16.5" customHeight="1" x14ac:dyDescent="0.25">
      <c r="A1185" s="48"/>
      <c r="B1185" s="39"/>
      <c r="C1185" s="39"/>
      <c r="D1185" s="103"/>
      <c r="E1185" s="292"/>
      <c r="F1185" s="293"/>
      <c r="G1185" s="39"/>
      <c r="H1185" s="39"/>
      <c r="I1185" s="39"/>
      <c r="K1185" s="79"/>
      <c r="L1185" s="69"/>
      <c r="M1185" s="12"/>
      <c r="N1185" s="28"/>
      <c r="P1185" s="29"/>
    </row>
    <row r="1186" spans="1:16" ht="16.5" customHeight="1" x14ac:dyDescent="0.25">
      <c r="A1186" s="48"/>
      <c r="B1186" s="39"/>
      <c r="C1186" s="39"/>
      <c r="D1186" s="103"/>
      <c r="E1186" s="292"/>
      <c r="F1186" s="293"/>
      <c r="G1186" s="39"/>
      <c r="H1186" s="39"/>
      <c r="I1186" s="39"/>
      <c r="K1186" s="79"/>
      <c r="L1186" s="69"/>
      <c r="M1186" s="12"/>
      <c r="N1186" s="28"/>
      <c r="P1186" s="29"/>
    </row>
    <row r="1187" spans="1:16" ht="16.5" customHeight="1" x14ac:dyDescent="0.25">
      <c r="A1187" s="48"/>
      <c r="B1187" s="39"/>
      <c r="C1187" s="39"/>
      <c r="D1187" s="103"/>
      <c r="E1187" s="292"/>
      <c r="F1187" s="293"/>
      <c r="G1187" s="39"/>
      <c r="H1187" s="39"/>
      <c r="I1187" s="39"/>
      <c r="K1187" s="79"/>
      <c r="L1187" s="69"/>
      <c r="M1187" s="12"/>
      <c r="N1187" s="28"/>
      <c r="P1187" s="29"/>
    </row>
    <row r="1188" spans="1:16" ht="16.5" customHeight="1" x14ac:dyDescent="0.25">
      <c r="A1188" s="48"/>
      <c r="B1188" s="39"/>
      <c r="C1188" s="39"/>
      <c r="D1188" s="104"/>
      <c r="E1188" s="288"/>
      <c r="F1188" s="289"/>
      <c r="G1188" s="39"/>
      <c r="H1188" s="39"/>
      <c r="I1188" s="39"/>
      <c r="K1188" s="79"/>
      <c r="L1188" s="69"/>
      <c r="M1188" s="12"/>
      <c r="N1188" s="28"/>
      <c r="P1188" s="29"/>
    </row>
    <row r="1189" spans="1:16" ht="16.5" customHeight="1" x14ac:dyDescent="0.25">
      <c r="A1189" s="48"/>
      <c r="B1189" s="39" t="s">
        <v>648</v>
      </c>
      <c r="C1189" s="39"/>
      <c r="D1189" s="39"/>
      <c r="E1189" s="39"/>
      <c r="F1189" s="39"/>
      <c r="G1189" s="39"/>
      <c r="H1189" s="39"/>
      <c r="I1189" s="39"/>
      <c r="K1189" s="88" t="s">
        <v>101</v>
      </c>
      <c r="L1189" s="87" t="s">
        <v>101</v>
      </c>
      <c r="M1189" s="12" t="s">
        <v>33</v>
      </c>
      <c r="N1189" s="28"/>
      <c r="P1189" s="29"/>
    </row>
    <row r="1190" spans="1:16" ht="16.5" customHeight="1" x14ac:dyDescent="0.25">
      <c r="A1190" s="48"/>
      <c r="B1190" s="39" t="s">
        <v>668</v>
      </c>
      <c r="C1190" s="39"/>
      <c r="D1190" s="39"/>
      <c r="E1190" s="39"/>
      <c r="F1190" s="39"/>
      <c r="G1190" s="39"/>
      <c r="H1190" s="39"/>
      <c r="I1190" s="39"/>
      <c r="K1190" s="79"/>
      <c r="L1190" s="69"/>
      <c r="M1190" s="12"/>
      <c r="N1190" s="28"/>
      <c r="P1190" s="29"/>
    </row>
    <row r="1191" spans="1:16" ht="16.5" customHeight="1" x14ac:dyDescent="0.25">
      <c r="A1191" s="48"/>
      <c r="B1191" s="39" t="s">
        <v>649</v>
      </c>
      <c r="C1191" s="39"/>
      <c r="D1191" s="90" t="s">
        <v>366</v>
      </c>
      <c r="E1191" s="290" t="s">
        <v>78</v>
      </c>
      <c r="F1191" s="291"/>
      <c r="G1191" s="39"/>
      <c r="H1191" s="39"/>
      <c r="I1191" s="39"/>
      <c r="K1191" s="79"/>
      <c r="L1191" s="69"/>
      <c r="M1191" s="12"/>
      <c r="N1191" s="28"/>
      <c r="P1191" s="29"/>
    </row>
    <row r="1192" spans="1:16" ht="16.5" customHeight="1" x14ac:dyDescent="0.25">
      <c r="A1192" s="48"/>
      <c r="B1192" s="39"/>
      <c r="C1192" s="39"/>
      <c r="D1192" s="103"/>
      <c r="E1192" s="292"/>
      <c r="F1192" s="293"/>
      <c r="G1192" s="39"/>
      <c r="H1192" s="39"/>
      <c r="I1192" s="39"/>
      <c r="K1192" s="79"/>
      <c r="L1192" s="69"/>
      <c r="M1192" s="12"/>
      <c r="N1192" s="28"/>
      <c r="P1192" s="29"/>
    </row>
    <row r="1193" spans="1:16" ht="16.5" customHeight="1" x14ac:dyDescent="0.25">
      <c r="A1193" s="48"/>
      <c r="B1193" s="39"/>
      <c r="C1193" s="39"/>
      <c r="D1193" s="103"/>
      <c r="E1193" s="292"/>
      <c r="F1193" s="293"/>
      <c r="G1193" s="39"/>
      <c r="H1193" s="39"/>
      <c r="I1193" s="39"/>
      <c r="K1193" s="79"/>
      <c r="L1193" s="69"/>
      <c r="M1193" s="12"/>
      <c r="N1193" s="28"/>
      <c r="P1193" s="29"/>
    </row>
    <row r="1194" spans="1:16" ht="16.5" customHeight="1" x14ac:dyDescent="0.25">
      <c r="A1194" s="48"/>
      <c r="B1194" s="39"/>
      <c r="C1194" s="39"/>
      <c r="D1194" s="103"/>
      <c r="E1194" s="292"/>
      <c r="F1194" s="293"/>
      <c r="G1194" s="39"/>
      <c r="H1194" s="39"/>
      <c r="I1194" s="39"/>
      <c r="K1194" s="79"/>
      <c r="L1194" s="69"/>
      <c r="M1194" s="12"/>
      <c r="N1194" s="28"/>
      <c r="P1194" s="29"/>
    </row>
    <row r="1195" spans="1:16" ht="16.5" customHeight="1" x14ac:dyDescent="0.25">
      <c r="A1195" s="48"/>
      <c r="B1195" s="39"/>
      <c r="C1195" s="39"/>
      <c r="D1195" s="104"/>
      <c r="E1195" s="288"/>
      <c r="F1195" s="289"/>
      <c r="G1195" s="39"/>
      <c r="H1195" s="39"/>
      <c r="I1195" s="39"/>
      <c r="K1195" s="79"/>
      <c r="L1195" s="69"/>
      <c r="M1195" s="12"/>
      <c r="N1195" s="28"/>
      <c r="P1195" s="29"/>
    </row>
    <row r="1196" spans="1:16" ht="16.5" customHeight="1" x14ac:dyDescent="0.25">
      <c r="A1196" s="48"/>
      <c r="B1196" s="39" t="s">
        <v>650</v>
      </c>
      <c r="C1196" s="39"/>
      <c r="D1196" s="39"/>
      <c r="E1196" s="39"/>
      <c r="F1196" s="39"/>
      <c r="G1196" s="39"/>
      <c r="H1196" s="39"/>
      <c r="I1196" s="39"/>
      <c r="K1196" s="88" t="s">
        <v>101</v>
      </c>
      <c r="L1196" s="87" t="s">
        <v>101</v>
      </c>
      <c r="M1196" s="12" t="s">
        <v>519</v>
      </c>
      <c r="N1196" s="28"/>
      <c r="P1196" s="29"/>
    </row>
    <row r="1197" spans="1:16" ht="16.5" customHeight="1" x14ac:dyDescent="0.25">
      <c r="A1197" s="48"/>
      <c r="B1197" s="39" t="s">
        <v>652</v>
      </c>
      <c r="C1197" s="39"/>
      <c r="D1197" s="39"/>
      <c r="E1197" s="39"/>
      <c r="F1197" s="39"/>
      <c r="G1197" s="39"/>
      <c r="H1197" s="39"/>
      <c r="I1197" s="39"/>
      <c r="K1197" s="79"/>
      <c r="L1197" s="69"/>
      <c r="M1197" s="12" t="s">
        <v>520</v>
      </c>
      <c r="N1197" s="28"/>
      <c r="P1197" s="29"/>
    </row>
    <row r="1198" spans="1:16" ht="16.5" customHeight="1" x14ac:dyDescent="0.25">
      <c r="A1198" s="48"/>
      <c r="B1198" s="39" t="s">
        <v>651</v>
      </c>
      <c r="C1198" s="39"/>
      <c r="D1198" s="39"/>
      <c r="E1198" s="39"/>
      <c r="F1198" s="39"/>
      <c r="G1198" s="39"/>
      <c r="H1198" s="39"/>
      <c r="I1198" s="39"/>
      <c r="K1198" s="88" t="s">
        <v>101</v>
      </c>
      <c r="L1198" s="87" t="s">
        <v>101</v>
      </c>
      <c r="M1198" s="12" t="s">
        <v>521</v>
      </c>
      <c r="N1198" s="28"/>
      <c r="P1198" s="29"/>
    </row>
    <row r="1199" spans="1:16" ht="16.5" customHeight="1" x14ac:dyDescent="0.25">
      <c r="A1199" s="48"/>
      <c r="B1199" s="39" t="s">
        <v>655</v>
      </c>
      <c r="C1199" s="39"/>
      <c r="D1199" s="39"/>
      <c r="E1199" s="39"/>
      <c r="F1199" s="39"/>
      <c r="G1199" s="39"/>
      <c r="H1199" s="39"/>
      <c r="I1199" s="39"/>
      <c r="K1199" s="79"/>
      <c r="L1199" s="69"/>
      <c r="M1199" s="12"/>
      <c r="N1199" s="28"/>
      <c r="P1199" s="29"/>
    </row>
    <row r="1200" spans="1:16" ht="16.5" customHeight="1" x14ac:dyDescent="0.25">
      <c r="A1200" s="48"/>
      <c r="B1200" s="39" t="s">
        <v>653</v>
      </c>
      <c r="C1200" s="39"/>
      <c r="D1200" s="39"/>
      <c r="E1200" s="39"/>
      <c r="F1200" s="39"/>
      <c r="G1200" s="39"/>
      <c r="H1200" s="39"/>
      <c r="I1200" s="39"/>
      <c r="K1200" s="88" t="s">
        <v>101</v>
      </c>
      <c r="L1200" s="87" t="s">
        <v>101</v>
      </c>
      <c r="M1200" s="12" t="s">
        <v>522</v>
      </c>
      <c r="N1200" s="28"/>
      <c r="P1200" s="29"/>
    </row>
    <row r="1201" spans="1:23" ht="16.5" customHeight="1" x14ac:dyDescent="0.25">
      <c r="A1201" s="48"/>
      <c r="B1201" s="39" t="s">
        <v>654</v>
      </c>
      <c r="C1201" s="39"/>
      <c r="D1201" s="39"/>
      <c r="E1201" s="39"/>
      <c r="F1201" s="39"/>
      <c r="G1201" s="39"/>
      <c r="H1201" s="39"/>
      <c r="I1201" s="39"/>
      <c r="K1201" s="79"/>
      <c r="L1201" s="69"/>
      <c r="M1201" s="12" t="s">
        <v>530</v>
      </c>
      <c r="N1201" s="28"/>
      <c r="P1201" s="29"/>
    </row>
    <row r="1202" spans="1:23" ht="16.5" customHeight="1" x14ac:dyDescent="0.25">
      <c r="A1202" s="48"/>
      <c r="B1202" s="39" t="s">
        <v>646</v>
      </c>
      <c r="C1202" s="39"/>
      <c r="D1202" s="39"/>
      <c r="E1202" s="39"/>
      <c r="F1202" s="39"/>
      <c r="G1202" s="39"/>
      <c r="H1202" s="39"/>
      <c r="I1202" s="39"/>
      <c r="K1202" s="79"/>
      <c r="L1202" s="69"/>
      <c r="M1202" s="12"/>
      <c r="N1202" s="28"/>
      <c r="P1202" s="29"/>
    </row>
    <row r="1203" spans="1:23" ht="16.5" customHeight="1" x14ac:dyDescent="0.25">
      <c r="A1203" s="48"/>
      <c r="B1203" s="39" t="s">
        <v>533</v>
      </c>
      <c r="C1203" s="39"/>
      <c r="D1203" s="39"/>
      <c r="E1203" s="39"/>
      <c r="F1203" s="39"/>
      <c r="G1203" s="39"/>
      <c r="H1203" s="39"/>
      <c r="I1203" s="39"/>
      <c r="K1203" s="88" t="s">
        <v>101</v>
      </c>
      <c r="L1203" s="87" t="s">
        <v>101</v>
      </c>
      <c r="M1203" s="12" t="s">
        <v>674</v>
      </c>
      <c r="N1203" s="28"/>
      <c r="P1203" s="29"/>
    </row>
    <row r="1204" spans="1:23" ht="16.5" customHeight="1" x14ac:dyDescent="0.25">
      <c r="A1204" s="48"/>
      <c r="B1204" s="39" t="s">
        <v>669</v>
      </c>
      <c r="C1204" s="39"/>
      <c r="D1204" s="39"/>
      <c r="E1204" s="39"/>
      <c r="F1204" s="39"/>
      <c r="G1204" s="39"/>
      <c r="H1204" s="39"/>
      <c r="I1204" s="39"/>
      <c r="K1204" s="79"/>
      <c r="L1204" s="69"/>
      <c r="M1204" s="12" t="s">
        <v>584</v>
      </c>
      <c r="N1204" s="28"/>
      <c r="P1204" s="29"/>
    </row>
    <row r="1205" spans="1:23" ht="16.5" customHeight="1" x14ac:dyDescent="0.25">
      <c r="A1205" s="48"/>
      <c r="C1205" s="39"/>
      <c r="D1205" s="259" t="s">
        <v>557</v>
      </c>
      <c r="E1205" s="319" t="s">
        <v>556</v>
      </c>
      <c r="F1205" s="320"/>
      <c r="G1205" s="321"/>
      <c r="H1205" s="39"/>
      <c r="I1205" s="39"/>
      <c r="K1205" s="79"/>
      <c r="L1205" s="69"/>
      <c r="M1205" s="12"/>
      <c r="N1205" s="28"/>
      <c r="P1205" s="29"/>
    </row>
    <row r="1206" spans="1:23" ht="16.5" customHeight="1" x14ac:dyDescent="0.25">
      <c r="A1206" s="48"/>
      <c r="B1206" s="39"/>
      <c r="C1206" s="39"/>
      <c r="D1206" s="262"/>
      <c r="E1206" s="426"/>
      <c r="F1206" s="427"/>
      <c r="G1206" s="428"/>
      <c r="H1206" s="39"/>
      <c r="I1206" s="39"/>
      <c r="K1206" s="79"/>
      <c r="L1206" s="69"/>
      <c r="M1206" s="12"/>
      <c r="N1206" s="28"/>
      <c r="P1206" s="29"/>
    </row>
    <row r="1207" spans="1:23" ht="16.5" customHeight="1" x14ac:dyDescent="0.25">
      <c r="A1207" s="48"/>
      <c r="B1207" s="39"/>
      <c r="C1207" s="39"/>
      <c r="D1207" s="39"/>
      <c r="E1207" s="39"/>
      <c r="F1207" s="39"/>
      <c r="G1207" s="39"/>
      <c r="H1207" s="39"/>
      <c r="I1207" s="39"/>
      <c r="K1207" s="79"/>
      <c r="L1207" s="69"/>
      <c r="M1207" s="12"/>
      <c r="N1207" s="28"/>
      <c r="P1207" s="29"/>
      <c r="R1207" s="19"/>
      <c r="S1207" s="429"/>
      <c r="T1207" s="429"/>
      <c r="U1207" s="19"/>
      <c r="V1207" s="429"/>
      <c r="W1207" s="429"/>
    </row>
    <row r="1208" spans="1:23" ht="16.5" customHeight="1" x14ac:dyDescent="0.25">
      <c r="A1208" s="48"/>
      <c r="B1208" s="39"/>
      <c r="C1208" s="39"/>
      <c r="D1208" s="39"/>
      <c r="E1208" s="39"/>
      <c r="F1208" s="39"/>
      <c r="G1208" s="39"/>
      <c r="H1208" s="39"/>
      <c r="I1208" s="39"/>
      <c r="K1208" s="79"/>
      <c r="L1208" s="69"/>
      <c r="M1208" s="12"/>
      <c r="N1208" s="28"/>
      <c r="P1208" s="29"/>
    </row>
    <row r="1209" spans="1:23" ht="16.5" customHeight="1" x14ac:dyDescent="0.25">
      <c r="A1209" s="48"/>
      <c r="B1209" s="39"/>
      <c r="C1209" s="39"/>
      <c r="D1209" s="39"/>
      <c r="E1209" s="39"/>
      <c r="F1209" s="39"/>
      <c r="G1209" s="39"/>
      <c r="H1209" s="39"/>
      <c r="I1209" s="39"/>
      <c r="K1209" s="79"/>
      <c r="L1209" s="69"/>
      <c r="M1209" s="12"/>
      <c r="N1209" s="28"/>
      <c r="P1209" s="29"/>
    </row>
    <row r="1210" spans="1:23" ht="16.5" customHeight="1" x14ac:dyDescent="0.25">
      <c r="A1210" s="48"/>
      <c r="B1210" s="39"/>
      <c r="C1210" s="39"/>
      <c r="D1210" s="39"/>
      <c r="E1210" s="39"/>
      <c r="F1210" s="39"/>
      <c r="G1210" s="39"/>
      <c r="H1210" s="39"/>
      <c r="I1210" s="39"/>
      <c r="K1210" s="79"/>
      <c r="L1210" s="69"/>
      <c r="M1210" s="12"/>
      <c r="N1210" s="28"/>
      <c r="P1210" s="29"/>
    </row>
    <row r="1211" spans="1:23" ht="16.5" customHeight="1" x14ac:dyDescent="0.25">
      <c r="A1211" s="48"/>
      <c r="B1211" s="39"/>
      <c r="C1211" s="39"/>
      <c r="D1211" s="39"/>
      <c r="E1211" s="39"/>
      <c r="F1211" s="39"/>
      <c r="G1211" s="39"/>
      <c r="H1211" s="39"/>
      <c r="I1211" s="39"/>
      <c r="K1211" s="79"/>
      <c r="L1211" s="69"/>
      <c r="M1211" s="12"/>
      <c r="N1211" s="28"/>
      <c r="P1211" s="29"/>
    </row>
    <row r="1212" spans="1:23" ht="16.5" customHeight="1" x14ac:dyDescent="0.25">
      <c r="A1212" s="58"/>
      <c r="B1212" s="59"/>
      <c r="C1212" s="59"/>
      <c r="D1212" s="59"/>
      <c r="E1212" s="59"/>
      <c r="F1212" s="59"/>
      <c r="G1212" s="59"/>
      <c r="H1212" s="59"/>
      <c r="I1212" s="59"/>
      <c r="J1212" s="31"/>
      <c r="K1212" s="80"/>
      <c r="L1212" s="75"/>
      <c r="M1212" s="13"/>
      <c r="N1212" s="30"/>
      <c r="O1212" s="31"/>
      <c r="P1212" s="32"/>
    </row>
    <row r="1213" spans="1:23" ht="16.5" customHeight="1" x14ac:dyDescent="0.25">
      <c r="A1213" s="48" t="s">
        <v>579</v>
      </c>
      <c r="B1213" s="39"/>
      <c r="C1213" s="39"/>
      <c r="D1213" s="39"/>
      <c r="E1213" s="39"/>
      <c r="F1213" s="39"/>
      <c r="G1213" s="39"/>
      <c r="H1213" s="39"/>
      <c r="I1213" s="39"/>
      <c r="K1213" s="79"/>
      <c r="L1213" s="69"/>
      <c r="M1213" s="12"/>
      <c r="N1213" s="28"/>
      <c r="P1213" s="29"/>
    </row>
    <row r="1214" spans="1:23" ht="16.5" customHeight="1" x14ac:dyDescent="0.25">
      <c r="A1214" s="48"/>
      <c r="B1214" s="39" t="s">
        <v>132</v>
      </c>
      <c r="C1214" s="39"/>
      <c r="D1214" s="39"/>
      <c r="E1214" s="39"/>
      <c r="F1214" s="39"/>
      <c r="G1214" s="39"/>
      <c r="H1214" s="39"/>
      <c r="I1214" s="39"/>
      <c r="K1214" s="88" t="s">
        <v>101</v>
      </c>
      <c r="L1214" s="87" t="s">
        <v>101</v>
      </c>
      <c r="M1214" s="12"/>
      <c r="N1214" s="28"/>
      <c r="P1214" s="29"/>
    </row>
    <row r="1215" spans="1:23" ht="16.5" customHeight="1" x14ac:dyDescent="0.25">
      <c r="A1215" s="48"/>
      <c r="B1215" s="39" t="s">
        <v>580</v>
      </c>
      <c r="C1215" s="39"/>
      <c r="D1215" s="39"/>
      <c r="E1215" s="39"/>
      <c r="F1215" s="39"/>
      <c r="G1215" s="39"/>
      <c r="H1215" s="39"/>
      <c r="I1215" s="39"/>
      <c r="K1215" s="79"/>
      <c r="L1215" s="69"/>
      <c r="M1215" s="12"/>
      <c r="N1215" s="28"/>
      <c r="P1215" s="29"/>
    </row>
    <row r="1216" spans="1:23" ht="16.5" customHeight="1" x14ac:dyDescent="0.25">
      <c r="A1216" s="48"/>
      <c r="B1216" s="39" t="s">
        <v>613</v>
      </c>
      <c r="C1216" s="39"/>
      <c r="D1216" s="39"/>
      <c r="E1216" s="39"/>
      <c r="F1216" s="39"/>
      <c r="G1216" s="39"/>
      <c r="H1216" s="39"/>
      <c r="I1216" s="39"/>
      <c r="K1216" s="88" t="s">
        <v>101</v>
      </c>
      <c r="L1216" s="87" t="s">
        <v>101</v>
      </c>
      <c r="M1216" s="12" t="s">
        <v>43</v>
      </c>
      <c r="N1216" s="28"/>
      <c r="P1216" s="29"/>
    </row>
    <row r="1217" spans="1:16" ht="16.5" customHeight="1" x14ac:dyDescent="0.25">
      <c r="A1217" s="48"/>
      <c r="B1217" s="39" t="s">
        <v>612</v>
      </c>
      <c r="C1217" s="39"/>
      <c r="D1217" s="39"/>
      <c r="E1217" s="39"/>
      <c r="F1217" s="39"/>
      <c r="G1217" s="39"/>
      <c r="H1217" s="39"/>
      <c r="I1217" s="39"/>
      <c r="K1217" s="79"/>
      <c r="L1217" s="69"/>
      <c r="M1217" s="12" t="s">
        <v>529</v>
      </c>
      <c r="N1217" s="28"/>
      <c r="P1217" s="29"/>
    </row>
    <row r="1218" spans="1:16" ht="16.5" customHeight="1" x14ac:dyDescent="0.25">
      <c r="A1218" s="48"/>
      <c r="B1218" s="39" t="s">
        <v>476</v>
      </c>
      <c r="C1218" s="39"/>
      <c r="G1218" s="39"/>
      <c r="H1218" s="39"/>
      <c r="I1218" s="39"/>
      <c r="K1218" s="79"/>
      <c r="L1218" s="69"/>
      <c r="M1218" s="12" t="s">
        <v>530</v>
      </c>
      <c r="N1218" s="28"/>
      <c r="P1218" s="29"/>
    </row>
    <row r="1219" spans="1:16" ht="16.5" customHeight="1" x14ac:dyDescent="0.25">
      <c r="A1219" s="48"/>
      <c r="B1219" s="39"/>
      <c r="C1219" s="39"/>
      <c r="D1219" s="90" t="s">
        <v>366</v>
      </c>
      <c r="E1219" s="290" t="s">
        <v>78</v>
      </c>
      <c r="F1219" s="291"/>
      <c r="G1219" s="39"/>
      <c r="H1219" s="39"/>
      <c r="I1219" s="39"/>
      <c r="K1219" s="79"/>
      <c r="L1219" s="69"/>
      <c r="M1219" s="12"/>
      <c r="N1219" s="28"/>
      <c r="P1219" s="29"/>
    </row>
    <row r="1220" spans="1:16" ht="16.5" customHeight="1" x14ac:dyDescent="0.25">
      <c r="A1220" s="48"/>
      <c r="B1220" s="39"/>
      <c r="C1220" s="39"/>
      <c r="D1220" s="103"/>
      <c r="E1220" s="292"/>
      <c r="F1220" s="293"/>
      <c r="G1220" s="39"/>
      <c r="H1220" s="39"/>
      <c r="I1220" s="39"/>
      <c r="K1220" s="79"/>
      <c r="L1220" s="69"/>
      <c r="M1220" s="12"/>
      <c r="N1220" s="28"/>
      <c r="P1220" s="29"/>
    </row>
    <row r="1221" spans="1:16" ht="16.5" customHeight="1" x14ac:dyDescent="0.25">
      <c r="A1221" s="48"/>
      <c r="B1221" s="39"/>
      <c r="C1221" s="39"/>
      <c r="D1221" s="103"/>
      <c r="E1221" s="292"/>
      <c r="F1221" s="293"/>
      <c r="G1221" s="39"/>
      <c r="H1221" s="39"/>
      <c r="I1221" s="39"/>
      <c r="K1221" s="79"/>
      <c r="L1221" s="69"/>
      <c r="M1221" s="12"/>
      <c r="N1221" s="28"/>
      <c r="P1221" s="29"/>
    </row>
    <row r="1222" spans="1:16" ht="16.5" customHeight="1" x14ac:dyDescent="0.25">
      <c r="A1222" s="48"/>
      <c r="B1222" s="39"/>
      <c r="C1222" s="39"/>
      <c r="D1222" s="103"/>
      <c r="E1222" s="292"/>
      <c r="F1222" s="293"/>
      <c r="G1222" s="39"/>
      <c r="H1222" s="39"/>
      <c r="I1222" s="39"/>
      <c r="K1222" s="79"/>
      <c r="L1222" s="69"/>
      <c r="M1222" s="12"/>
      <c r="N1222" s="28"/>
      <c r="P1222" s="29"/>
    </row>
    <row r="1223" spans="1:16" ht="16.5" customHeight="1" x14ac:dyDescent="0.25">
      <c r="A1223" s="48"/>
      <c r="B1223" s="39"/>
      <c r="C1223" s="39"/>
      <c r="D1223" s="103"/>
      <c r="E1223" s="292"/>
      <c r="F1223" s="293"/>
      <c r="G1223" s="39"/>
      <c r="H1223" s="39"/>
      <c r="I1223" s="39"/>
      <c r="K1223" s="79"/>
      <c r="L1223" s="69"/>
      <c r="M1223" s="12"/>
      <c r="N1223" s="28"/>
      <c r="P1223" s="29"/>
    </row>
    <row r="1224" spans="1:16" ht="16.5" customHeight="1" x14ac:dyDescent="0.25">
      <c r="A1224" s="48"/>
      <c r="B1224" s="39"/>
      <c r="C1224" s="39"/>
      <c r="D1224" s="103"/>
      <c r="E1224" s="292"/>
      <c r="F1224" s="293"/>
      <c r="G1224" s="39"/>
      <c r="H1224" s="39"/>
      <c r="I1224" s="39"/>
      <c r="K1224" s="79"/>
      <c r="L1224" s="69"/>
      <c r="M1224" s="12"/>
      <c r="N1224" s="28"/>
      <c r="P1224" s="29"/>
    </row>
    <row r="1225" spans="1:16" ht="16.5" customHeight="1" x14ac:dyDescent="0.25">
      <c r="A1225" s="48"/>
      <c r="B1225" s="39"/>
      <c r="C1225" s="39"/>
      <c r="D1225" s="103"/>
      <c r="E1225" s="292"/>
      <c r="F1225" s="293"/>
      <c r="G1225" s="39"/>
      <c r="H1225" s="39"/>
      <c r="I1225" s="39"/>
      <c r="K1225" s="79"/>
      <c r="L1225" s="69"/>
      <c r="M1225" s="12"/>
      <c r="N1225" s="28"/>
      <c r="P1225" s="29"/>
    </row>
    <row r="1226" spans="1:16" ht="16.5" customHeight="1" x14ac:dyDescent="0.25">
      <c r="A1226" s="48"/>
      <c r="B1226" s="39"/>
      <c r="C1226" s="39"/>
      <c r="D1226" s="103"/>
      <c r="E1226" s="292"/>
      <c r="F1226" s="293"/>
      <c r="G1226" s="39"/>
      <c r="H1226" s="39"/>
      <c r="I1226" s="39"/>
      <c r="K1226" s="79"/>
      <c r="L1226" s="69"/>
      <c r="M1226" s="12"/>
      <c r="N1226" s="28"/>
      <c r="P1226" s="29"/>
    </row>
    <row r="1227" spans="1:16" ht="16.5" customHeight="1" x14ac:dyDescent="0.25">
      <c r="A1227" s="48"/>
      <c r="B1227" s="39"/>
      <c r="C1227" s="39"/>
      <c r="D1227" s="103"/>
      <c r="E1227" s="292"/>
      <c r="F1227" s="293"/>
      <c r="G1227" s="39"/>
      <c r="H1227" s="39"/>
      <c r="I1227" s="39"/>
      <c r="K1227" s="79"/>
      <c r="L1227" s="69"/>
      <c r="M1227" s="12"/>
      <c r="N1227" s="28"/>
      <c r="P1227" s="29"/>
    </row>
    <row r="1228" spans="1:16" ht="16.5" customHeight="1" x14ac:dyDescent="0.25">
      <c r="A1228" s="48"/>
      <c r="B1228" s="39"/>
      <c r="C1228" s="39"/>
      <c r="D1228" s="103"/>
      <c r="E1228" s="292"/>
      <c r="F1228" s="293"/>
      <c r="G1228" s="39"/>
      <c r="H1228" s="39"/>
      <c r="I1228" s="39"/>
      <c r="K1228" s="79"/>
      <c r="L1228" s="69"/>
      <c r="M1228" s="12"/>
      <c r="N1228" s="28"/>
      <c r="P1228" s="29"/>
    </row>
    <row r="1229" spans="1:16" ht="16.5" customHeight="1" x14ac:dyDescent="0.25">
      <c r="A1229" s="48"/>
      <c r="B1229" s="39"/>
      <c r="C1229" s="39"/>
      <c r="D1229" s="103"/>
      <c r="E1229" s="292"/>
      <c r="F1229" s="293"/>
      <c r="G1229" s="39"/>
      <c r="H1229" s="39"/>
      <c r="I1229" s="39"/>
      <c r="K1229" s="79"/>
      <c r="L1229" s="69"/>
      <c r="M1229" s="12"/>
      <c r="N1229" s="28"/>
      <c r="P1229" s="29"/>
    </row>
    <row r="1230" spans="1:16" ht="16.5" customHeight="1" x14ac:dyDescent="0.25">
      <c r="A1230" s="48"/>
      <c r="B1230" s="39"/>
      <c r="C1230" s="39"/>
      <c r="D1230" s="104"/>
      <c r="E1230" s="288"/>
      <c r="F1230" s="289"/>
      <c r="G1230" s="39"/>
      <c r="H1230" s="39"/>
      <c r="I1230" s="39"/>
      <c r="K1230" s="79"/>
      <c r="L1230" s="69"/>
      <c r="M1230" s="12"/>
      <c r="N1230" s="28"/>
      <c r="P1230" s="29"/>
    </row>
    <row r="1231" spans="1:16" ht="16.5" customHeight="1" x14ac:dyDescent="0.25">
      <c r="A1231" s="48"/>
      <c r="B1231" s="39" t="s">
        <v>534</v>
      </c>
      <c r="C1231" s="39"/>
      <c r="D1231" s="39"/>
      <c r="E1231" s="39"/>
      <c r="F1231" s="39"/>
      <c r="G1231" s="39"/>
      <c r="H1231" s="39"/>
      <c r="I1231" s="39"/>
      <c r="K1231" s="88" t="s">
        <v>101</v>
      </c>
      <c r="L1231" s="87" t="s">
        <v>101</v>
      </c>
      <c r="M1231" s="12" t="s">
        <v>38</v>
      </c>
      <c r="N1231" s="28"/>
      <c r="P1231" s="29"/>
    </row>
    <row r="1232" spans="1:16" ht="16.5" customHeight="1" x14ac:dyDescent="0.25">
      <c r="A1232" s="48"/>
      <c r="B1232" s="39" t="s">
        <v>477</v>
      </c>
      <c r="C1232" s="39"/>
      <c r="D1232" s="39"/>
      <c r="E1232" s="39"/>
      <c r="F1232" s="39"/>
      <c r="G1232" s="39"/>
      <c r="H1232" s="39"/>
      <c r="I1232" s="39"/>
      <c r="K1232" s="79"/>
      <c r="L1232" s="69"/>
      <c r="M1232" s="12"/>
      <c r="N1232" s="28"/>
      <c r="P1232" s="29"/>
    </row>
    <row r="1233" spans="1:16" ht="16.5" customHeight="1" x14ac:dyDescent="0.25">
      <c r="A1233" s="48"/>
      <c r="B1233" s="39" t="s">
        <v>535</v>
      </c>
      <c r="C1233" s="39"/>
      <c r="D1233" s="39"/>
      <c r="E1233" s="39"/>
      <c r="F1233" s="39"/>
      <c r="G1233" s="39"/>
      <c r="H1233" s="39"/>
      <c r="I1233" s="39"/>
      <c r="K1233" s="88" t="s">
        <v>101</v>
      </c>
      <c r="L1233" s="87" t="s">
        <v>101</v>
      </c>
      <c r="M1233" s="12" t="s">
        <v>33</v>
      </c>
      <c r="N1233" s="28"/>
      <c r="P1233" s="29"/>
    </row>
    <row r="1234" spans="1:16" ht="16.5" customHeight="1" x14ac:dyDescent="0.25">
      <c r="A1234" s="48"/>
      <c r="B1234" s="39" t="s">
        <v>620</v>
      </c>
      <c r="K1234" s="79"/>
      <c r="L1234" s="69"/>
      <c r="M1234" s="12"/>
      <c r="N1234" s="28"/>
      <c r="P1234" s="29"/>
    </row>
    <row r="1235" spans="1:16" ht="16.5" customHeight="1" x14ac:dyDescent="0.25">
      <c r="A1235" s="48"/>
      <c r="B1235" s="39" t="s">
        <v>619</v>
      </c>
      <c r="C1235" s="39"/>
      <c r="D1235" s="105"/>
      <c r="E1235" s="2"/>
      <c r="F1235" s="2"/>
      <c r="G1235" s="39"/>
      <c r="H1235" s="39"/>
      <c r="I1235" s="39"/>
      <c r="K1235" s="79"/>
      <c r="L1235" s="69"/>
      <c r="M1235" s="12"/>
      <c r="N1235" s="28"/>
      <c r="P1235" s="29"/>
    </row>
    <row r="1236" spans="1:16" ht="16.5" customHeight="1" x14ac:dyDescent="0.25">
      <c r="A1236" s="48"/>
      <c r="B1236" s="39"/>
      <c r="C1236" s="39"/>
      <c r="D1236" s="90" t="s">
        <v>366</v>
      </c>
      <c r="E1236" s="286" t="s">
        <v>78</v>
      </c>
      <c r="F1236" s="287"/>
      <c r="G1236" s="39"/>
      <c r="H1236" s="39"/>
      <c r="I1236" s="39"/>
      <c r="K1236" s="79"/>
      <c r="L1236" s="69"/>
      <c r="M1236" s="12"/>
      <c r="N1236" s="28"/>
      <c r="P1236" s="29"/>
    </row>
    <row r="1237" spans="1:16" ht="16.5" customHeight="1" x14ac:dyDescent="0.25">
      <c r="A1237" s="48"/>
      <c r="B1237" s="39"/>
      <c r="C1237" s="39"/>
      <c r="D1237" s="103"/>
      <c r="E1237" s="265"/>
      <c r="F1237" s="266"/>
      <c r="G1237" s="39"/>
      <c r="H1237" s="39"/>
      <c r="I1237" s="39"/>
      <c r="K1237" s="79"/>
      <c r="L1237" s="69"/>
      <c r="M1237" s="12"/>
      <c r="N1237" s="28"/>
      <c r="P1237" s="29"/>
    </row>
    <row r="1238" spans="1:16" ht="16.5" customHeight="1" x14ac:dyDescent="0.25">
      <c r="A1238" s="48"/>
      <c r="B1238" s="39"/>
      <c r="C1238" s="39"/>
      <c r="D1238" s="103"/>
      <c r="E1238" s="265"/>
      <c r="F1238" s="266"/>
      <c r="G1238" s="39"/>
      <c r="H1238" s="39"/>
      <c r="I1238" s="39"/>
      <c r="K1238" s="79"/>
      <c r="L1238" s="69"/>
      <c r="M1238" s="12"/>
      <c r="N1238" s="28"/>
      <c r="P1238" s="29"/>
    </row>
    <row r="1239" spans="1:16" ht="16.5" customHeight="1" x14ac:dyDescent="0.25">
      <c r="A1239" s="48"/>
      <c r="B1239" s="39"/>
      <c r="C1239" s="39"/>
      <c r="D1239" s="103"/>
      <c r="E1239" s="265"/>
      <c r="F1239" s="266"/>
      <c r="G1239" s="39"/>
      <c r="H1239" s="39"/>
      <c r="I1239" s="39"/>
      <c r="K1239" s="79"/>
      <c r="L1239" s="69"/>
      <c r="M1239" s="12"/>
      <c r="N1239" s="28"/>
      <c r="P1239" s="29"/>
    </row>
    <row r="1240" spans="1:16" ht="16.5" customHeight="1" x14ac:dyDescent="0.25">
      <c r="A1240" s="48"/>
      <c r="B1240" s="39"/>
      <c r="C1240" s="39"/>
      <c r="D1240" s="104"/>
      <c r="E1240" s="279"/>
      <c r="F1240" s="280"/>
      <c r="G1240" s="39"/>
      <c r="H1240" s="39"/>
      <c r="I1240" s="39"/>
      <c r="K1240" s="88"/>
      <c r="L1240" s="87"/>
      <c r="M1240" s="12"/>
      <c r="N1240" s="28"/>
      <c r="P1240" s="29"/>
    </row>
    <row r="1241" spans="1:16" ht="16.5" customHeight="1" x14ac:dyDescent="0.25">
      <c r="A1241" s="48"/>
      <c r="B1241" s="39" t="s">
        <v>533</v>
      </c>
      <c r="C1241" s="39"/>
      <c r="D1241" s="39"/>
      <c r="E1241" s="39"/>
      <c r="F1241" s="39"/>
      <c r="G1241" s="39"/>
      <c r="H1241" s="39"/>
      <c r="I1241" s="39"/>
      <c r="K1241" s="88" t="s">
        <v>101</v>
      </c>
      <c r="L1241" s="87" t="s">
        <v>101</v>
      </c>
      <c r="M1241" s="12" t="s">
        <v>583</v>
      </c>
      <c r="N1241" s="28"/>
      <c r="P1241" s="29"/>
    </row>
    <row r="1242" spans="1:16" ht="16.5" customHeight="1" x14ac:dyDescent="0.25">
      <c r="A1242" s="48"/>
      <c r="B1242" s="39" t="s">
        <v>478</v>
      </c>
      <c r="C1242" s="39"/>
      <c r="D1242" s="39"/>
      <c r="E1242" s="39"/>
      <c r="F1242" s="39"/>
      <c r="G1242" s="39"/>
      <c r="H1242" s="39"/>
      <c r="I1242" s="39"/>
      <c r="K1242" s="79"/>
      <c r="L1242" s="69"/>
      <c r="M1242" s="12" t="s">
        <v>584</v>
      </c>
      <c r="N1242" s="28"/>
      <c r="P1242" s="29"/>
    </row>
    <row r="1243" spans="1:16" ht="16.5" customHeight="1" x14ac:dyDescent="0.25">
      <c r="A1243" s="48"/>
      <c r="C1243" s="39"/>
      <c r="D1243" s="259" t="s">
        <v>557</v>
      </c>
      <c r="E1243" s="319" t="s">
        <v>556</v>
      </c>
      <c r="F1243" s="320"/>
      <c r="G1243" s="321"/>
      <c r="H1243" s="39"/>
      <c r="I1243" s="39"/>
      <c r="K1243" s="79"/>
      <c r="L1243" s="69"/>
      <c r="M1243" s="12"/>
      <c r="N1243" s="28"/>
      <c r="P1243" s="29"/>
    </row>
    <row r="1244" spans="1:16" ht="16.5" customHeight="1" x14ac:dyDescent="0.25">
      <c r="A1244" s="48"/>
      <c r="B1244" s="39"/>
      <c r="C1244" s="39"/>
      <c r="D1244" s="262"/>
      <c r="E1244" s="276"/>
      <c r="F1244" s="277"/>
      <c r="G1244" s="278"/>
      <c r="H1244" s="39"/>
      <c r="I1244" s="39"/>
      <c r="K1244" s="79"/>
      <c r="L1244" s="69"/>
      <c r="M1244" s="12"/>
      <c r="N1244" s="28"/>
      <c r="P1244" s="29"/>
    </row>
    <row r="1245" spans="1:16" ht="16.5" customHeight="1" x14ac:dyDescent="0.25">
      <c r="A1245" s="48"/>
      <c r="B1245" s="39"/>
      <c r="C1245" s="39"/>
      <c r="D1245" s="39"/>
      <c r="E1245" s="39"/>
      <c r="F1245" s="39"/>
      <c r="G1245" s="39"/>
      <c r="H1245" s="39"/>
      <c r="I1245" s="39"/>
      <c r="K1245" s="79"/>
      <c r="L1245" s="69"/>
      <c r="M1245" s="12"/>
      <c r="N1245" s="28"/>
      <c r="P1245" s="29"/>
    </row>
    <row r="1246" spans="1:16" ht="16.5" customHeight="1" x14ac:dyDescent="0.25">
      <c r="A1246" s="48"/>
      <c r="B1246" s="39"/>
      <c r="C1246" s="39"/>
      <c r="D1246" s="39"/>
      <c r="E1246" s="39"/>
      <c r="F1246" s="39"/>
      <c r="G1246" s="39"/>
      <c r="H1246" s="39"/>
      <c r="I1246" s="39"/>
      <c r="K1246" s="79"/>
      <c r="L1246" s="69"/>
      <c r="M1246" s="12"/>
      <c r="N1246" s="28"/>
      <c r="P1246" s="29"/>
    </row>
    <row r="1247" spans="1:16" ht="16.5" customHeight="1" x14ac:dyDescent="0.25">
      <c r="A1247" s="48"/>
      <c r="B1247" s="39"/>
      <c r="C1247" s="39"/>
      <c r="D1247" s="39"/>
      <c r="E1247" s="39"/>
      <c r="F1247" s="39"/>
      <c r="G1247" s="39"/>
      <c r="H1247" s="39"/>
      <c r="I1247" s="39"/>
      <c r="K1247" s="79"/>
      <c r="L1247" s="69"/>
      <c r="M1247" s="12"/>
      <c r="N1247" s="28"/>
      <c r="P1247" s="29"/>
    </row>
    <row r="1248" spans="1:16" ht="16.5" customHeight="1" x14ac:dyDescent="0.25">
      <c r="A1248" s="48"/>
      <c r="B1248" s="39"/>
      <c r="C1248" s="39"/>
      <c r="D1248" s="39"/>
      <c r="E1248" s="39"/>
      <c r="F1248" s="39"/>
      <c r="G1248" s="39"/>
      <c r="H1248" s="39"/>
      <c r="I1248" s="39"/>
      <c r="K1248" s="79"/>
      <c r="L1248" s="69"/>
      <c r="M1248" s="12"/>
      <c r="N1248" s="28"/>
      <c r="P1248" s="29"/>
    </row>
    <row r="1249" spans="1:16" ht="16.5" customHeight="1" x14ac:dyDescent="0.25">
      <c r="A1249" s="48"/>
      <c r="B1249" s="39"/>
      <c r="C1249" s="39"/>
      <c r="D1249" s="39"/>
      <c r="E1249" s="39"/>
      <c r="F1249" s="39"/>
      <c r="G1249" s="39"/>
      <c r="H1249" s="39"/>
      <c r="I1249" s="39"/>
      <c r="K1249" s="79"/>
      <c r="L1249" s="69"/>
      <c r="M1249" s="12"/>
      <c r="N1249" s="28"/>
      <c r="P1249" s="29"/>
    </row>
    <row r="1250" spans="1:16" ht="16.5" customHeight="1" x14ac:dyDescent="0.25">
      <c r="A1250" s="48"/>
      <c r="B1250" s="39"/>
      <c r="C1250" s="39"/>
      <c r="D1250" s="39"/>
      <c r="E1250" s="39"/>
      <c r="F1250" s="39"/>
      <c r="G1250" s="39"/>
      <c r="H1250" s="39"/>
      <c r="I1250" s="39"/>
      <c r="K1250" s="79"/>
      <c r="L1250" s="69"/>
      <c r="M1250" s="12"/>
      <c r="N1250" s="28"/>
      <c r="P1250" s="29"/>
    </row>
    <row r="1251" spans="1:16" ht="16.5" customHeight="1" x14ac:dyDescent="0.25">
      <c r="A1251" s="48"/>
      <c r="B1251" s="39"/>
      <c r="C1251" s="39"/>
      <c r="D1251" s="39"/>
      <c r="E1251" s="39"/>
      <c r="F1251" s="39"/>
      <c r="G1251" s="39"/>
      <c r="H1251" s="39"/>
      <c r="I1251" s="39"/>
      <c r="K1251" s="79"/>
      <c r="L1251" s="69"/>
      <c r="M1251" s="12"/>
      <c r="N1251" s="28"/>
      <c r="P1251" s="29"/>
    </row>
    <row r="1252" spans="1:16" ht="16.5" customHeight="1" x14ac:dyDescent="0.25">
      <c r="A1252" s="48"/>
      <c r="B1252" s="39"/>
      <c r="C1252" s="39"/>
      <c r="D1252" s="39"/>
      <c r="E1252" s="39"/>
      <c r="F1252" s="39"/>
      <c r="G1252" s="39"/>
      <c r="H1252" s="39"/>
      <c r="I1252" s="39"/>
      <c r="K1252" s="79"/>
      <c r="L1252" s="69"/>
      <c r="M1252" s="12"/>
      <c r="N1252" s="28"/>
      <c r="P1252" s="29"/>
    </row>
    <row r="1253" spans="1:16" ht="16.5" customHeight="1" x14ac:dyDescent="0.25">
      <c r="A1253" s="48"/>
      <c r="B1253" s="39"/>
      <c r="C1253" s="39"/>
      <c r="D1253" s="39"/>
      <c r="E1253" s="39"/>
      <c r="F1253" s="39"/>
      <c r="G1253" s="39"/>
      <c r="H1253" s="39"/>
      <c r="I1253" s="39"/>
      <c r="K1253" s="79"/>
      <c r="L1253" s="69"/>
      <c r="M1253" s="12"/>
      <c r="N1253" s="28"/>
      <c r="P1253" s="29"/>
    </row>
    <row r="1254" spans="1:16" ht="16.5" customHeight="1" x14ac:dyDescent="0.25">
      <c r="A1254" s="48"/>
      <c r="B1254" s="39"/>
      <c r="C1254" s="39"/>
      <c r="D1254" s="39"/>
      <c r="E1254" s="39"/>
      <c r="F1254" s="39"/>
      <c r="G1254" s="39"/>
      <c r="H1254" s="39"/>
      <c r="I1254" s="39"/>
      <c r="K1254" s="79"/>
      <c r="L1254" s="69"/>
      <c r="M1254" s="12"/>
      <c r="N1254" s="28"/>
      <c r="P1254" s="29"/>
    </row>
    <row r="1255" spans="1:16" ht="16.5" customHeight="1" x14ac:dyDescent="0.25">
      <c r="A1255" s="48"/>
      <c r="B1255" s="39"/>
      <c r="C1255" s="39"/>
      <c r="D1255" s="39"/>
      <c r="E1255" s="39"/>
      <c r="F1255" s="39"/>
      <c r="G1255" s="39"/>
      <c r="H1255" s="39"/>
      <c r="I1255" s="39"/>
      <c r="K1255" s="79"/>
      <c r="L1255" s="69"/>
      <c r="M1255" s="12"/>
      <c r="N1255" s="28"/>
      <c r="P1255" s="29"/>
    </row>
    <row r="1256" spans="1:16" ht="16.5" customHeight="1" x14ac:dyDescent="0.25">
      <c r="A1256" s="48"/>
      <c r="B1256" s="39"/>
      <c r="C1256" s="39"/>
      <c r="D1256" s="39"/>
      <c r="E1256" s="39"/>
      <c r="F1256" s="39"/>
      <c r="G1256" s="39"/>
      <c r="H1256" s="39"/>
      <c r="I1256" s="39"/>
      <c r="K1256" s="79"/>
      <c r="L1256" s="69"/>
      <c r="M1256" s="12"/>
      <c r="N1256" s="28"/>
      <c r="P1256" s="29"/>
    </row>
    <row r="1257" spans="1:16" ht="16.5" customHeight="1" x14ac:dyDescent="0.25">
      <c r="A1257" s="48"/>
      <c r="B1257" s="39"/>
      <c r="C1257" s="39"/>
      <c r="D1257" s="39"/>
      <c r="E1257" s="39"/>
      <c r="F1257" s="39"/>
      <c r="G1257" s="39"/>
      <c r="H1257" s="39"/>
      <c r="I1257" s="39"/>
      <c r="K1257" s="79"/>
      <c r="L1257" s="69"/>
      <c r="M1257" s="12"/>
      <c r="N1257" s="28"/>
      <c r="P1257" s="29"/>
    </row>
    <row r="1258" spans="1:16" ht="16.5" customHeight="1" x14ac:dyDescent="0.25">
      <c r="A1258" s="48"/>
      <c r="B1258" s="39"/>
      <c r="C1258" s="39"/>
      <c r="D1258" s="39"/>
      <c r="E1258" s="39"/>
      <c r="F1258" s="39"/>
      <c r="G1258" s="39"/>
      <c r="H1258" s="39"/>
      <c r="I1258" s="39"/>
      <c r="K1258" s="79"/>
      <c r="L1258" s="69"/>
      <c r="M1258" s="12"/>
      <c r="N1258" s="28"/>
      <c r="P1258" s="29"/>
    </row>
    <row r="1259" spans="1:16" ht="16.5" customHeight="1" x14ac:dyDescent="0.25">
      <c r="A1259" s="58"/>
      <c r="B1259" s="59"/>
      <c r="C1259" s="59"/>
      <c r="D1259" s="59"/>
      <c r="E1259" s="59"/>
      <c r="F1259" s="59"/>
      <c r="G1259" s="59"/>
      <c r="H1259" s="59"/>
      <c r="I1259" s="59"/>
      <c r="J1259" s="31"/>
      <c r="K1259" s="80"/>
      <c r="L1259" s="75"/>
      <c r="M1259" s="13"/>
      <c r="N1259" s="30"/>
      <c r="O1259" s="31"/>
      <c r="P1259" s="32"/>
    </row>
    <row r="1260" spans="1:16" ht="16.5" customHeight="1" x14ac:dyDescent="0.25">
      <c r="A1260" s="48" t="s">
        <v>81</v>
      </c>
      <c r="B1260" s="39"/>
      <c r="C1260" s="39"/>
      <c r="D1260" s="39"/>
      <c r="E1260" s="39"/>
      <c r="F1260" s="39"/>
      <c r="G1260" s="39"/>
      <c r="H1260" s="39"/>
      <c r="I1260" s="39"/>
      <c r="K1260" s="79"/>
      <c r="L1260" s="69"/>
      <c r="M1260" s="12"/>
      <c r="N1260" s="25"/>
      <c r="O1260" s="26"/>
      <c r="P1260" s="27"/>
    </row>
    <row r="1261" spans="1:16" ht="16.5" customHeight="1" x14ac:dyDescent="0.25">
      <c r="A1261" s="48"/>
      <c r="B1261" s="39" t="s">
        <v>82</v>
      </c>
      <c r="C1261" s="39"/>
      <c r="D1261" s="39"/>
      <c r="E1261" s="39"/>
      <c r="F1261" s="39"/>
      <c r="G1261" s="39"/>
      <c r="H1261" s="39"/>
      <c r="I1261" s="39"/>
      <c r="K1261" s="88" t="s">
        <v>101</v>
      </c>
      <c r="L1261" s="87" t="s">
        <v>101</v>
      </c>
      <c r="M1261" s="12"/>
      <c r="N1261" s="28"/>
      <c r="P1261" s="29"/>
    </row>
    <row r="1262" spans="1:16" ht="16.5" customHeight="1" x14ac:dyDescent="0.25">
      <c r="A1262" s="48"/>
      <c r="B1262" s="39" t="s">
        <v>143</v>
      </c>
      <c r="C1262" s="39"/>
      <c r="D1262" s="39"/>
      <c r="E1262" s="39"/>
      <c r="F1262" s="39"/>
      <c r="G1262" s="39"/>
      <c r="H1262" s="39"/>
      <c r="I1262" s="39"/>
      <c r="K1262" s="79"/>
      <c r="L1262" s="69"/>
      <c r="M1262" s="12"/>
      <c r="N1262" s="28"/>
      <c r="P1262" s="29"/>
    </row>
    <row r="1263" spans="1:16" ht="16.5" customHeight="1" x14ac:dyDescent="0.25">
      <c r="A1263" s="48"/>
      <c r="B1263" s="39" t="s">
        <v>370</v>
      </c>
      <c r="C1263" s="39"/>
      <c r="D1263" s="39"/>
      <c r="E1263" s="39"/>
      <c r="F1263" s="39"/>
      <c r="G1263" s="39"/>
      <c r="H1263" s="39"/>
      <c r="I1263" s="39"/>
      <c r="K1263" s="88" t="s">
        <v>101</v>
      </c>
      <c r="L1263" s="87" t="s">
        <v>101</v>
      </c>
      <c r="M1263" s="12"/>
      <c r="N1263" s="28"/>
      <c r="P1263" s="29"/>
    </row>
    <row r="1264" spans="1:16" ht="16.5" customHeight="1" x14ac:dyDescent="0.25">
      <c r="A1264" s="48"/>
      <c r="B1264" s="39" t="s">
        <v>371</v>
      </c>
      <c r="C1264" s="39"/>
      <c r="I1264" s="39"/>
      <c r="K1264" s="88" t="s">
        <v>101</v>
      </c>
      <c r="L1264" s="87" t="s">
        <v>101</v>
      </c>
      <c r="M1264" s="12"/>
      <c r="N1264" s="28"/>
      <c r="P1264" s="29"/>
    </row>
    <row r="1265" spans="1:16" ht="16.5" customHeight="1" x14ac:dyDescent="0.25">
      <c r="A1265" s="48"/>
      <c r="B1265" s="39"/>
      <c r="C1265" s="396" t="s">
        <v>6</v>
      </c>
      <c r="D1265" s="397"/>
      <c r="E1265" s="398"/>
      <c r="F1265" s="127"/>
      <c r="G1265" s="128"/>
      <c r="H1265" s="47"/>
      <c r="I1265" s="129"/>
      <c r="K1265" s="79"/>
      <c r="L1265" s="69"/>
      <c r="M1265" s="12"/>
      <c r="N1265" s="28"/>
      <c r="P1265" s="29"/>
    </row>
    <row r="1266" spans="1:16" ht="16.5" customHeight="1" x14ac:dyDescent="0.25">
      <c r="A1266" s="48"/>
      <c r="B1266" s="39"/>
      <c r="C1266" s="254" t="s">
        <v>372</v>
      </c>
      <c r="D1266" s="255"/>
      <c r="E1266" s="256"/>
      <c r="F1266" s="130"/>
      <c r="G1266" s="131"/>
      <c r="H1266" s="39"/>
      <c r="I1266" s="132"/>
      <c r="K1266" s="79"/>
      <c r="L1266" s="69"/>
      <c r="M1266" s="12"/>
      <c r="N1266" s="28"/>
      <c r="P1266" s="29"/>
    </row>
    <row r="1267" spans="1:16" ht="16.5" customHeight="1" x14ac:dyDescent="0.25">
      <c r="A1267" s="48"/>
      <c r="B1267" s="39"/>
      <c r="C1267" s="399" t="s">
        <v>373</v>
      </c>
      <c r="D1267" s="400"/>
      <c r="E1267" s="401"/>
      <c r="F1267" s="130"/>
      <c r="G1267" s="131"/>
      <c r="H1267" s="39"/>
      <c r="I1267" s="132"/>
      <c r="K1267" s="79"/>
      <c r="L1267" s="69"/>
      <c r="M1267" s="12"/>
      <c r="N1267" s="28"/>
      <c r="P1267" s="29"/>
    </row>
    <row r="1268" spans="1:16" ht="16.5" customHeight="1" x14ac:dyDescent="0.25">
      <c r="A1268" s="48"/>
      <c r="B1268" s="39"/>
      <c r="C1268" s="399" t="s">
        <v>374</v>
      </c>
      <c r="D1268" s="400"/>
      <c r="E1268" s="401"/>
      <c r="F1268" s="130"/>
      <c r="G1268" s="51"/>
      <c r="H1268" s="133"/>
      <c r="I1268" s="134"/>
      <c r="K1268" s="79"/>
      <c r="L1268" s="69"/>
      <c r="M1268" s="12"/>
      <c r="N1268" s="28"/>
      <c r="P1268" s="29"/>
    </row>
    <row r="1269" spans="1:16" ht="16.5" customHeight="1" x14ac:dyDescent="0.25">
      <c r="A1269" s="48"/>
      <c r="B1269" s="135"/>
      <c r="C1269" s="402" t="s">
        <v>375</v>
      </c>
      <c r="D1269" s="403"/>
      <c r="E1269" s="404"/>
      <c r="F1269" s="411"/>
      <c r="G1269" s="412"/>
      <c r="H1269" s="412"/>
      <c r="I1269" s="413"/>
      <c r="K1269" s="79"/>
      <c r="L1269" s="69"/>
      <c r="M1269" s="12"/>
      <c r="N1269" s="28"/>
      <c r="P1269" s="29"/>
    </row>
    <row r="1270" spans="1:16" ht="16.5" customHeight="1" x14ac:dyDescent="0.25">
      <c r="A1270" s="48"/>
      <c r="B1270" s="136"/>
      <c r="C1270" s="405"/>
      <c r="D1270" s="406"/>
      <c r="E1270" s="407"/>
      <c r="F1270" s="414"/>
      <c r="G1270" s="415"/>
      <c r="H1270" s="415"/>
      <c r="I1270" s="416"/>
      <c r="K1270" s="79"/>
      <c r="L1270" s="69"/>
      <c r="M1270" s="12"/>
      <c r="N1270" s="28"/>
      <c r="P1270" s="29"/>
    </row>
    <row r="1271" spans="1:16" ht="16.5" customHeight="1" x14ac:dyDescent="0.25">
      <c r="A1271" s="48"/>
      <c r="B1271" s="136"/>
      <c r="C1271" s="405"/>
      <c r="D1271" s="406"/>
      <c r="E1271" s="407"/>
      <c r="F1271" s="414"/>
      <c r="G1271" s="415"/>
      <c r="H1271" s="415"/>
      <c r="I1271" s="416"/>
      <c r="K1271" s="79"/>
      <c r="L1271" s="69"/>
      <c r="M1271" s="12"/>
      <c r="N1271" s="28"/>
      <c r="P1271" s="29"/>
    </row>
    <row r="1272" spans="1:16" ht="16.5" customHeight="1" x14ac:dyDescent="0.25">
      <c r="A1272" s="48"/>
      <c r="B1272" s="136"/>
      <c r="C1272" s="405"/>
      <c r="D1272" s="406"/>
      <c r="E1272" s="407"/>
      <c r="F1272" s="414"/>
      <c r="G1272" s="415"/>
      <c r="H1272" s="415"/>
      <c r="I1272" s="416"/>
      <c r="K1272" s="79"/>
      <c r="L1272" s="69"/>
      <c r="M1272" s="12"/>
      <c r="N1272" s="28"/>
      <c r="P1272" s="29"/>
    </row>
    <row r="1273" spans="1:16" ht="16.5" customHeight="1" x14ac:dyDescent="0.25">
      <c r="A1273" s="48"/>
      <c r="B1273" s="136"/>
      <c r="C1273" s="408"/>
      <c r="D1273" s="409"/>
      <c r="E1273" s="410"/>
      <c r="F1273" s="417"/>
      <c r="G1273" s="418"/>
      <c r="H1273" s="418"/>
      <c r="I1273" s="419"/>
      <c r="K1273" s="79"/>
      <c r="L1273" s="69"/>
      <c r="M1273" s="12"/>
      <c r="N1273" s="28"/>
      <c r="P1273" s="29"/>
    </row>
    <row r="1274" spans="1:16" ht="16.5" customHeight="1" x14ac:dyDescent="0.25">
      <c r="A1274" s="48"/>
      <c r="B1274" s="135"/>
      <c r="C1274" s="402" t="s">
        <v>376</v>
      </c>
      <c r="D1274" s="403"/>
      <c r="E1274" s="404"/>
      <c r="F1274" s="411"/>
      <c r="G1274" s="412"/>
      <c r="H1274" s="412"/>
      <c r="I1274" s="413"/>
      <c r="K1274" s="79"/>
      <c r="L1274" s="69"/>
      <c r="M1274" s="12"/>
      <c r="N1274" s="28"/>
      <c r="P1274" s="29"/>
    </row>
    <row r="1275" spans="1:16" ht="16.5" customHeight="1" x14ac:dyDescent="0.25">
      <c r="A1275" s="48"/>
      <c r="B1275" s="136"/>
      <c r="C1275" s="405"/>
      <c r="D1275" s="406"/>
      <c r="E1275" s="407"/>
      <c r="F1275" s="414"/>
      <c r="G1275" s="415"/>
      <c r="H1275" s="415"/>
      <c r="I1275" s="416"/>
      <c r="K1275" s="79"/>
      <c r="L1275" s="69"/>
      <c r="M1275" s="12"/>
      <c r="N1275" s="28"/>
      <c r="P1275" s="29"/>
    </row>
    <row r="1276" spans="1:16" ht="16.5" customHeight="1" x14ac:dyDescent="0.25">
      <c r="A1276" s="48"/>
      <c r="B1276" s="136"/>
      <c r="C1276" s="405"/>
      <c r="D1276" s="406"/>
      <c r="E1276" s="407"/>
      <c r="F1276" s="414"/>
      <c r="G1276" s="415"/>
      <c r="H1276" s="415"/>
      <c r="I1276" s="416"/>
      <c r="K1276" s="79"/>
      <c r="L1276" s="69"/>
      <c r="M1276" s="12"/>
      <c r="N1276" s="28"/>
      <c r="P1276" s="29"/>
    </row>
    <row r="1277" spans="1:16" ht="16.5" customHeight="1" x14ac:dyDescent="0.25">
      <c r="A1277" s="48"/>
      <c r="B1277" s="136"/>
      <c r="C1277" s="405"/>
      <c r="D1277" s="406"/>
      <c r="E1277" s="407"/>
      <c r="F1277" s="414"/>
      <c r="G1277" s="415"/>
      <c r="H1277" s="415"/>
      <c r="I1277" s="416"/>
      <c r="K1277" s="79"/>
      <c r="L1277" s="69"/>
      <c r="M1277" s="12"/>
      <c r="N1277" s="28"/>
      <c r="P1277" s="29"/>
    </row>
    <row r="1278" spans="1:16" ht="16.5" customHeight="1" x14ac:dyDescent="0.25">
      <c r="A1278" s="48"/>
      <c r="B1278" s="136"/>
      <c r="C1278" s="420"/>
      <c r="D1278" s="421"/>
      <c r="E1278" s="422"/>
      <c r="F1278" s="423"/>
      <c r="G1278" s="424"/>
      <c r="H1278" s="424"/>
      <c r="I1278" s="425"/>
      <c r="K1278" s="79"/>
      <c r="L1278" s="69"/>
      <c r="M1278" s="12"/>
      <c r="N1278" s="28"/>
      <c r="P1278" s="29"/>
    </row>
    <row r="1279" spans="1:16" ht="16.5" customHeight="1" x14ac:dyDescent="0.25">
      <c r="A1279" s="48"/>
      <c r="B1279" s="39"/>
      <c r="C1279" s="39"/>
      <c r="D1279" s="39"/>
      <c r="E1279" s="39"/>
      <c r="F1279" s="39"/>
      <c r="G1279" s="39"/>
      <c r="H1279" s="39"/>
      <c r="I1279" s="39"/>
      <c r="K1279" s="79"/>
      <c r="L1279" s="69"/>
      <c r="M1279" s="12"/>
      <c r="N1279" s="28"/>
      <c r="P1279" s="29"/>
    </row>
    <row r="1280" spans="1:16" ht="16.5" customHeight="1" x14ac:dyDescent="0.25">
      <c r="A1280" s="48"/>
      <c r="B1280" s="39"/>
      <c r="C1280" s="39"/>
      <c r="D1280" s="39"/>
      <c r="E1280" s="39"/>
      <c r="F1280" s="39"/>
      <c r="G1280" s="39"/>
      <c r="H1280" s="39"/>
      <c r="I1280" s="39"/>
      <c r="K1280" s="79"/>
      <c r="L1280" s="69"/>
      <c r="M1280" s="12"/>
      <c r="N1280" s="28"/>
      <c r="P1280" s="29"/>
    </row>
    <row r="1281" spans="1:16" ht="16.5" customHeight="1" x14ac:dyDescent="0.25">
      <c r="A1281" s="48"/>
      <c r="B1281" s="39"/>
      <c r="C1281" s="39"/>
      <c r="D1281" s="39"/>
      <c r="E1281" s="39"/>
      <c r="F1281" s="39"/>
      <c r="G1281" s="39"/>
      <c r="H1281" s="39"/>
      <c r="I1281" s="39"/>
      <c r="K1281" s="79"/>
      <c r="L1281" s="69"/>
      <c r="M1281" s="12"/>
      <c r="N1281" s="28"/>
      <c r="P1281" s="29"/>
    </row>
    <row r="1282" spans="1:16" ht="16.5" customHeight="1" x14ac:dyDescent="0.25">
      <c r="A1282" s="48"/>
      <c r="B1282" s="39"/>
      <c r="C1282" s="39"/>
      <c r="D1282" s="39"/>
      <c r="E1282" s="39"/>
      <c r="F1282" s="39"/>
      <c r="G1282" s="39"/>
      <c r="H1282" s="39"/>
      <c r="I1282" s="39"/>
      <c r="K1282" s="79"/>
      <c r="L1282" s="69"/>
      <c r="M1282" s="12"/>
      <c r="N1282" s="28"/>
      <c r="P1282" s="29"/>
    </row>
    <row r="1283" spans="1:16" ht="16.5" customHeight="1" x14ac:dyDescent="0.25">
      <c r="A1283" s="48"/>
      <c r="B1283" s="39"/>
      <c r="C1283" s="39"/>
      <c r="D1283" s="39"/>
      <c r="E1283" s="39"/>
      <c r="F1283" s="39"/>
      <c r="G1283" s="39"/>
      <c r="H1283" s="39"/>
      <c r="I1283" s="39"/>
      <c r="K1283" s="79"/>
      <c r="L1283" s="69"/>
      <c r="M1283" s="12"/>
      <c r="N1283" s="28"/>
      <c r="P1283" s="29"/>
    </row>
    <row r="1284" spans="1:16" ht="16.5" customHeight="1" x14ac:dyDescent="0.25">
      <c r="A1284" s="48"/>
      <c r="B1284" s="39"/>
      <c r="C1284" s="39"/>
      <c r="D1284" s="39"/>
      <c r="E1284" s="39"/>
      <c r="F1284" s="39"/>
      <c r="G1284" s="39"/>
      <c r="H1284" s="39"/>
      <c r="I1284" s="39"/>
      <c r="K1284" s="79"/>
      <c r="L1284" s="69"/>
      <c r="M1284" s="12"/>
      <c r="N1284" s="28"/>
      <c r="P1284" s="29"/>
    </row>
    <row r="1285" spans="1:16" ht="16.5" customHeight="1" x14ac:dyDescent="0.25">
      <c r="A1285" s="48"/>
      <c r="B1285" s="39"/>
      <c r="C1285" s="39"/>
      <c r="D1285" s="39"/>
      <c r="E1285" s="39"/>
      <c r="F1285" s="39"/>
      <c r="G1285" s="39"/>
      <c r="H1285" s="39"/>
      <c r="I1285" s="39"/>
      <c r="K1285" s="79"/>
      <c r="L1285" s="69"/>
      <c r="M1285" s="12"/>
      <c r="N1285" s="28"/>
      <c r="P1285" s="29"/>
    </row>
    <row r="1286" spans="1:16" ht="16.5" customHeight="1" x14ac:dyDescent="0.25">
      <c r="A1286" s="48"/>
      <c r="B1286" s="39"/>
      <c r="C1286" s="39"/>
      <c r="D1286" s="39"/>
      <c r="E1286" s="39"/>
      <c r="F1286" s="39"/>
      <c r="G1286" s="39"/>
      <c r="H1286" s="39"/>
      <c r="I1286" s="39"/>
      <c r="K1286" s="79"/>
      <c r="L1286" s="69"/>
      <c r="M1286" s="12"/>
      <c r="N1286" s="28"/>
      <c r="P1286" s="29"/>
    </row>
    <row r="1287" spans="1:16" ht="16.5" customHeight="1" x14ac:dyDescent="0.25">
      <c r="A1287" s="48"/>
      <c r="B1287" s="39"/>
      <c r="C1287" s="39"/>
      <c r="D1287" s="39"/>
      <c r="E1287" s="39"/>
      <c r="F1287" s="39"/>
      <c r="G1287" s="39"/>
      <c r="H1287" s="39"/>
      <c r="I1287" s="39"/>
      <c r="K1287" s="79"/>
      <c r="L1287" s="69"/>
      <c r="M1287" s="12"/>
      <c r="N1287" s="28"/>
      <c r="P1287" s="29"/>
    </row>
    <row r="1288" spans="1:16" ht="16.5" customHeight="1" x14ac:dyDescent="0.25">
      <c r="A1288" s="48"/>
      <c r="B1288" s="39"/>
      <c r="C1288" s="39"/>
      <c r="D1288" s="39"/>
      <c r="E1288" s="39"/>
      <c r="F1288" s="39"/>
      <c r="G1288" s="39"/>
      <c r="H1288" s="39"/>
      <c r="I1288" s="39"/>
      <c r="K1288" s="79"/>
      <c r="L1288" s="69"/>
      <c r="M1288" s="12"/>
      <c r="N1288" s="28"/>
      <c r="P1288" s="29"/>
    </row>
    <row r="1289" spans="1:16" ht="16.5" customHeight="1" x14ac:dyDescent="0.25">
      <c r="A1289" s="48"/>
      <c r="B1289" s="39"/>
      <c r="C1289" s="39"/>
      <c r="D1289" s="39"/>
      <c r="E1289" s="39"/>
      <c r="F1289" s="39"/>
      <c r="G1289" s="39"/>
      <c r="H1289" s="39"/>
      <c r="I1289" s="39"/>
      <c r="K1289" s="79"/>
      <c r="L1289" s="69"/>
      <c r="M1289" s="12"/>
      <c r="N1289" s="28"/>
      <c r="P1289" s="29"/>
    </row>
    <row r="1290" spans="1:16" ht="16.5" customHeight="1" x14ac:dyDescent="0.25">
      <c r="A1290" s="48"/>
      <c r="B1290" s="39"/>
      <c r="C1290" s="39"/>
      <c r="D1290" s="39"/>
      <c r="E1290" s="39"/>
      <c r="F1290" s="39"/>
      <c r="G1290" s="39"/>
      <c r="H1290" s="39"/>
      <c r="I1290" s="39"/>
      <c r="K1290" s="79"/>
      <c r="L1290" s="69"/>
      <c r="M1290" s="12"/>
      <c r="N1290" s="28"/>
      <c r="P1290" s="29"/>
    </row>
    <row r="1291" spans="1:16" ht="16.5" customHeight="1" x14ac:dyDescent="0.25">
      <c r="A1291" s="48"/>
      <c r="B1291" s="39"/>
      <c r="C1291" s="39"/>
      <c r="D1291" s="39"/>
      <c r="E1291" s="39"/>
      <c r="F1291" s="39"/>
      <c r="G1291" s="39"/>
      <c r="H1291" s="39"/>
      <c r="I1291" s="39"/>
      <c r="K1291" s="79"/>
      <c r="L1291" s="69"/>
      <c r="M1291" s="12"/>
      <c r="N1291" s="28"/>
      <c r="P1291" s="29"/>
    </row>
    <row r="1292" spans="1:16" ht="16.5" customHeight="1" x14ac:dyDescent="0.25">
      <c r="A1292" s="48"/>
      <c r="B1292" s="39"/>
      <c r="C1292" s="39"/>
      <c r="D1292" s="39"/>
      <c r="E1292" s="39"/>
      <c r="F1292" s="39"/>
      <c r="G1292" s="39"/>
      <c r="H1292" s="39"/>
      <c r="I1292" s="39"/>
      <c r="K1292" s="79"/>
      <c r="L1292" s="69"/>
      <c r="M1292" s="12"/>
      <c r="N1292" s="28"/>
      <c r="P1292" s="29"/>
    </row>
    <row r="1293" spans="1:16" ht="16.5" customHeight="1" x14ac:dyDescent="0.25">
      <c r="A1293" s="48"/>
      <c r="B1293" s="39"/>
      <c r="C1293" s="39"/>
      <c r="D1293" s="39"/>
      <c r="E1293" s="39"/>
      <c r="F1293" s="39"/>
      <c r="G1293" s="39"/>
      <c r="H1293" s="39"/>
      <c r="I1293" s="39"/>
      <c r="K1293" s="79"/>
      <c r="L1293" s="69"/>
      <c r="M1293" s="12"/>
      <c r="N1293" s="28"/>
      <c r="P1293" s="29"/>
    </row>
    <row r="1294" spans="1:16" ht="16.5" customHeight="1" x14ac:dyDescent="0.25">
      <c r="A1294" s="48"/>
      <c r="B1294" s="39"/>
      <c r="C1294" s="39"/>
      <c r="D1294" s="39"/>
      <c r="E1294" s="39"/>
      <c r="F1294" s="39"/>
      <c r="G1294" s="39"/>
      <c r="H1294" s="39"/>
      <c r="I1294" s="39"/>
      <c r="K1294" s="79"/>
      <c r="L1294" s="69"/>
      <c r="M1294" s="12"/>
      <c r="N1294" s="28"/>
      <c r="P1294" s="29"/>
    </row>
    <row r="1295" spans="1:16" ht="16.5" customHeight="1" x14ac:dyDescent="0.25">
      <c r="A1295" s="48"/>
      <c r="B1295" s="39"/>
      <c r="C1295" s="39"/>
      <c r="D1295" s="39"/>
      <c r="E1295" s="39"/>
      <c r="F1295" s="39"/>
      <c r="G1295" s="39"/>
      <c r="H1295" s="39"/>
      <c r="I1295" s="39"/>
      <c r="K1295" s="79"/>
      <c r="L1295" s="69"/>
      <c r="M1295" s="12"/>
      <c r="N1295" s="28"/>
      <c r="P1295" s="29"/>
    </row>
    <row r="1296" spans="1:16" ht="16.5" customHeight="1" x14ac:dyDescent="0.25">
      <c r="A1296" s="48"/>
      <c r="B1296" s="39"/>
      <c r="C1296" s="39"/>
      <c r="D1296" s="39"/>
      <c r="E1296" s="39"/>
      <c r="F1296" s="39"/>
      <c r="G1296" s="39"/>
      <c r="H1296" s="39"/>
      <c r="I1296" s="39"/>
      <c r="K1296" s="79"/>
      <c r="L1296" s="69"/>
      <c r="M1296" s="12"/>
      <c r="N1296" s="28"/>
      <c r="P1296" s="29"/>
    </row>
    <row r="1297" spans="1:16" ht="16.5" customHeight="1" x14ac:dyDescent="0.25">
      <c r="A1297" s="48"/>
      <c r="B1297" s="39"/>
      <c r="C1297" s="39"/>
      <c r="D1297" s="39"/>
      <c r="E1297" s="39"/>
      <c r="F1297" s="39"/>
      <c r="G1297" s="39"/>
      <c r="H1297" s="39"/>
      <c r="I1297" s="39"/>
      <c r="K1297" s="79"/>
      <c r="L1297" s="69"/>
      <c r="M1297" s="12"/>
      <c r="N1297" s="28"/>
      <c r="P1297" s="29"/>
    </row>
    <row r="1298" spans="1:16" ht="16.5" customHeight="1" x14ac:dyDescent="0.25">
      <c r="A1298" s="48"/>
      <c r="B1298" s="39"/>
      <c r="C1298" s="39"/>
      <c r="D1298" s="39"/>
      <c r="E1298" s="39"/>
      <c r="F1298" s="39"/>
      <c r="G1298" s="39"/>
      <c r="H1298" s="39"/>
      <c r="I1298" s="39"/>
      <c r="K1298" s="79"/>
      <c r="L1298" s="69"/>
      <c r="M1298" s="12"/>
      <c r="N1298" s="28"/>
      <c r="P1298" s="29"/>
    </row>
    <row r="1299" spans="1:16" ht="16.5" customHeight="1" x14ac:dyDescent="0.25">
      <c r="A1299" s="48"/>
      <c r="B1299" s="39"/>
      <c r="C1299" s="39"/>
      <c r="D1299" s="39"/>
      <c r="E1299" s="39"/>
      <c r="F1299" s="39"/>
      <c r="G1299" s="39"/>
      <c r="H1299" s="39"/>
      <c r="I1299" s="39"/>
      <c r="K1299" s="79"/>
      <c r="L1299" s="69"/>
      <c r="M1299" s="12"/>
      <c r="N1299" s="28"/>
      <c r="P1299" s="29"/>
    </row>
    <row r="1300" spans="1:16" ht="16.5" customHeight="1" x14ac:dyDescent="0.25">
      <c r="A1300" s="48"/>
      <c r="B1300" s="39"/>
      <c r="C1300" s="39"/>
      <c r="D1300" s="39"/>
      <c r="E1300" s="39"/>
      <c r="F1300" s="39"/>
      <c r="G1300" s="39"/>
      <c r="H1300" s="39"/>
      <c r="I1300" s="39"/>
      <c r="K1300" s="79"/>
      <c r="L1300" s="69"/>
      <c r="M1300" s="12"/>
      <c r="N1300" s="28"/>
      <c r="P1300" s="29"/>
    </row>
    <row r="1301" spans="1:16" ht="16.5" customHeight="1" x14ac:dyDescent="0.25">
      <c r="A1301" s="48"/>
      <c r="B1301" s="39"/>
      <c r="C1301" s="39"/>
      <c r="D1301" s="39"/>
      <c r="E1301" s="39"/>
      <c r="F1301" s="39"/>
      <c r="G1301" s="39"/>
      <c r="H1301" s="39"/>
      <c r="I1301" s="39"/>
      <c r="K1301" s="79"/>
      <c r="L1301" s="69"/>
      <c r="M1301" s="12"/>
      <c r="N1301" s="28"/>
      <c r="P1301" s="29"/>
    </row>
    <row r="1302" spans="1:16" ht="16.5" customHeight="1" x14ac:dyDescent="0.25">
      <c r="A1302" s="48"/>
      <c r="B1302" s="39"/>
      <c r="C1302" s="39"/>
      <c r="D1302" s="39"/>
      <c r="E1302" s="39"/>
      <c r="F1302" s="39"/>
      <c r="G1302" s="39"/>
      <c r="H1302" s="39"/>
      <c r="I1302" s="39"/>
      <c r="K1302" s="79"/>
      <c r="L1302" s="69"/>
      <c r="M1302" s="12"/>
      <c r="N1302" s="28"/>
      <c r="P1302" s="29"/>
    </row>
    <row r="1303" spans="1:16" ht="16.5" customHeight="1" x14ac:dyDescent="0.25">
      <c r="A1303" s="48"/>
      <c r="B1303" s="39"/>
      <c r="C1303" s="39"/>
      <c r="D1303" s="39"/>
      <c r="E1303" s="39"/>
      <c r="F1303" s="39"/>
      <c r="G1303" s="39"/>
      <c r="H1303" s="39"/>
      <c r="I1303" s="39"/>
      <c r="K1303" s="79"/>
      <c r="L1303" s="69"/>
      <c r="M1303" s="12"/>
      <c r="N1303" s="28"/>
      <c r="P1303" s="29"/>
    </row>
    <row r="1304" spans="1:16" ht="16.5" customHeight="1" x14ac:dyDescent="0.25">
      <c r="A1304" s="48"/>
      <c r="B1304" s="39"/>
      <c r="C1304" s="39"/>
      <c r="D1304" s="39"/>
      <c r="E1304" s="39"/>
      <c r="F1304" s="39"/>
      <c r="G1304" s="39"/>
      <c r="H1304" s="39"/>
      <c r="I1304" s="39"/>
      <c r="K1304" s="79"/>
      <c r="L1304" s="69"/>
      <c r="M1304" s="12"/>
      <c r="N1304" s="28"/>
      <c r="P1304" s="29"/>
    </row>
    <row r="1305" spans="1:16" ht="16.5" customHeight="1" x14ac:dyDescent="0.25">
      <c r="A1305" s="48"/>
      <c r="B1305" s="39"/>
      <c r="C1305" s="39"/>
      <c r="D1305" s="39"/>
      <c r="E1305" s="39"/>
      <c r="F1305" s="39"/>
      <c r="G1305" s="39"/>
      <c r="H1305" s="39"/>
      <c r="I1305" s="39"/>
      <c r="K1305" s="79"/>
      <c r="L1305" s="69"/>
      <c r="M1305" s="12"/>
      <c r="N1305" s="28"/>
      <c r="P1305" s="29"/>
    </row>
    <row r="1306" spans="1:16" ht="16.5" customHeight="1" x14ac:dyDescent="0.25">
      <c r="A1306" s="58"/>
      <c r="B1306" s="59"/>
      <c r="C1306" s="59"/>
      <c r="D1306" s="31"/>
      <c r="E1306" s="31"/>
      <c r="F1306" s="31"/>
      <c r="G1306" s="31"/>
      <c r="H1306" s="31"/>
      <c r="I1306" s="59"/>
      <c r="J1306" s="31"/>
      <c r="K1306" s="80"/>
      <c r="L1306" s="75"/>
      <c r="M1306" s="261"/>
      <c r="N1306" s="30"/>
      <c r="O1306" s="31"/>
      <c r="P1306" s="32"/>
    </row>
    <row r="1307" spans="1:16" ht="16.5" customHeight="1" x14ac:dyDescent="0.25">
      <c r="A1307" s="270"/>
      <c r="B1307" s="270"/>
      <c r="C1307" s="271"/>
      <c r="D1307" s="271"/>
      <c r="E1307" s="271"/>
      <c r="F1307" s="275"/>
      <c r="G1307" s="270"/>
      <c r="H1307" s="270"/>
      <c r="I1307" s="270"/>
      <c r="J1307" s="272"/>
      <c r="K1307" s="274"/>
      <c r="L1307" s="274"/>
      <c r="M1307" s="273"/>
      <c r="O1307" s="26"/>
      <c r="P1307" s="26"/>
    </row>
  </sheetData>
  <sheetProtection sheet="1" formatCells="0" selectLockedCells="1"/>
  <mergeCells count="144">
    <mergeCell ref="E1193:F1193"/>
    <mergeCell ref="E1194:F1194"/>
    <mergeCell ref="E1195:F1195"/>
    <mergeCell ref="E1205:G1205"/>
    <mergeCell ref="E1206:G1206"/>
    <mergeCell ref="S1207:T1207"/>
    <mergeCell ref="V1207:W1207"/>
    <mergeCell ref="E1182:F1182"/>
    <mergeCell ref="E1183:F1183"/>
    <mergeCell ref="E1184:F1184"/>
    <mergeCell ref="E1185:F1185"/>
    <mergeCell ref="E1186:F1186"/>
    <mergeCell ref="E1187:F1187"/>
    <mergeCell ref="E1188:F1188"/>
    <mergeCell ref="E1191:F1191"/>
    <mergeCell ref="E1192:F1192"/>
    <mergeCell ref="E1044:F1044"/>
    <mergeCell ref="E1045:F1045"/>
    <mergeCell ref="E1046:F1046"/>
    <mergeCell ref="E1176:F1176"/>
    <mergeCell ref="E1177:F1177"/>
    <mergeCell ref="E1178:F1178"/>
    <mergeCell ref="E1179:F1179"/>
    <mergeCell ref="E1180:F1180"/>
    <mergeCell ref="E1181:F1181"/>
    <mergeCell ref="E1102:F1102"/>
    <mergeCell ref="E1152:F1152"/>
    <mergeCell ref="E1088:F1088"/>
    <mergeCell ref="E1086:F1086"/>
    <mergeCell ref="E1087:F1087"/>
    <mergeCell ref="E1154:F1154"/>
    <mergeCell ref="E1144:F1144"/>
    <mergeCell ref="E1145:F1145"/>
    <mergeCell ref="E1146:F1146"/>
    <mergeCell ref="E1151:F1151"/>
    <mergeCell ref="E1109:F1109"/>
    <mergeCell ref="E1092:G1092"/>
    <mergeCell ref="E1099:F1099"/>
    <mergeCell ref="E1108:F1108"/>
    <mergeCell ref="E1107:F1107"/>
    <mergeCell ref="C1265:E1265"/>
    <mergeCell ref="C1267:E1267"/>
    <mergeCell ref="C1268:E1268"/>
    <mergeCell ref="C1269:E1273"/>
    <mergeCell ref="F1269:I1273"/>
    <mergeCell ref="C1274:E1278"/>
    <mergeCell ref="F1274:I1278"/>
    <mergeCell ref="E1221:F1221"/>
    <mergeCell ref="E1222:F1222"/>
    <mergeCell ref="E1223:F1223"/>
    <mergeCell ref="E1224:F1224"/>
    <mergeCell ref="E1225:F1225"/>
    <mergeCell ref="E1226:F1226"/>
    <mergeCell ref="E1227:F1227"/>
    <mergeCell ref="E1228:F1228"/>
    <mergeCell ref="E1229:F1229"/>
    <mergeCell ref="E1243:G1243"/>
    <mergeCell ref="E1230:F1230"/>
    <mergeCell ref="E1236:F1236"/>
    <mergeCell ref="E1101:F1101"/>
    <mergeCell ref="E1100:F1100"/>
    <mergeCell ref="A1:F3"/>
    <mergeCell ref="A4:M4"/>
    <mergeCell ref="N130:P131"/>
    <mergeCell ref="D17:D20"/>
    <mergeCell ref="M130:M131"/>
    <mergeCell ref="K130:L130"/>
    <mergeCell ref="B112:F112"/>
    <mergeCell ref="B29:D33"/>
    <mergeCell ref="E29:F29"/>
    <mergeCell ref="E30:F33"/>
    <mergeCell ref="G29:M29"/>
    <mergeCell ref="G30:J30"/>
    <mergeCell ref="G31:J31"/>
    <mergeCell ref="G32:J32"/>
    <mergeCell ref="G33:J33"/>
    <mergeCell ref="K30:M30"/>
    <mergeCell ref="K31:M31"/>
    <mergeCell ref="K32:M32"/>
    <mergeCell ref="K33:M33"/>
    <mergeCell ref="E5:M5"/>
    <mergeCell ref="E6:M6"/>
    <mergeCell ref="E7:M7"/>
    <mergeCell ref="E8:M8"/>
    <mergeCell ref="E9:M9"/>
    <mergeCell ref="D1158:E1158"/>
    <mergeCell ref="E1110:F1110"/>
    <mergeCell ref="E1111:F1111"/>
    <mergeCell ref="D1113:I1113"/>
    <mergeCell ref="D1114:I1117"/>
    <mergeCell ref="E1143:F1143"/>
    <mergeCell ref="E1147:F1147"/>
    <mergeCell ref="F1158:H1158"/>
    <mergeCell ref="E1155:F1155"/>
    <mergeCell ref="I19:M19"/>
    <mergeCell ref="I20:M20"/>
    <mergeCell ref="E18:H18"/>
    <mergeCell ref="I18:M18"/>
    <mergeCell ref="E19:H19"/>
    <mergeCell ref="E1078:F1078"/>
    <mergeCell ref="E1079:F1079"/>
    <mergeCell ref="E1080:F1080"/>
    <mergeCell ref="E1081:F1081"/>
    <mergeCell ref="E1082:F1082"/>
    <mergeCell ref="E1083:F1083"/>
    <mergeCell ref="I185:I186"/>
    <mergeCell ref="A130:J131"/>
    <mergeCell ref="E1220:F1220"/>
    <mergeCell ref="E1219:F1219"/>
    <mergeCell ref="D9:D10"/>
    <mergeCell ref="D15:D16"/>
    <mergeCell ref="E1103:F1103"/>
    <mergeCell ref="E1153:F1153"/>
    <mergeCell ref="C185:D186"/>
    <mergeCell ref="E185:E186"/>
    <mergeCell ref="F185:H185"/>
    <mergeCell ref="C193:D193"/>
    <mergeCell ref="C194:D194"/>
    <mergeCell ref="C195:D195"/>
    <mergeCell ref="C196:D196"/>
    <mergeCell ref="C197:D197"/>
    <mergeCell ref="C198:D198"/>
    <mergeCell ref="E1091:G1091"/>
    <mergeCell ref="E1084:F1084"/>
    <mergeCell ref="E20:H20"/>
    <mergeCell ref="C374:I379"/>
    <mergeCell ref="E1085:F1085"/>
    <mergeCell ref="E1076:F1076"/>
    <mergeCell ref="E1077:F1077"/>
    <mergeCell ref="E17:H17"/>
    <mergeCell ref="I17:M17"/>
    <mergeCell ref="E1033:F1033"/>
    <mergeCell ref="E1037:F1037"/>
    <mergeCell ref="E1042:F1042"/>
    <mergeCell ref="E1043:F1043"/>
    <mergeCell ref="E10:M10"/>
    <mergeCell ref="E11:M11"/>
    <mergeCell ref="E12:M12"/>
    <mergeCell ref="E13:M13"/>
    <mergeCell ref="E14:M14"/>
    <mergeCell ref="E15:H15"/>
    <mergeCell ref="I15:M15"/>
    <mergeCell ref="E16:H16"/>
    <mergeCell ref="I16:M16"/>
  </mergeCells>
  <phoneticPr fontId="1"/>
  <dataValidations count="1">
    <dataValidation type="list" allowBlank="1" showInputMessage="1" showErrorMessage="1" sqref="K856:L874" xr:uid="{2A1AD29D-EE0D-455E-A1A5-0283D4968E4B}"/>
  </dataValidations>
  <hyperlinks>
    <hyperlink ref="B112" r:id="rId1" xr:uid="{00000000-0004-0000-0000-000000000000}"/>
  </hyperlinks>
  <pageMargins left="0.98425196850393704" right="0.98425196850393704" top="0.59055118110236227" bottom="0.39370078740157483" header="0.31496062992125984" footer="0.19685039370078741"/>
  <pageSetup paperSize="9" firstPageNumber="0" pageOrder="overThenDown" orientation="portrait" useFirstPageNumber="1" horizontalDpi="1200" verticalDpi="1200" r:id="rId2"/>
  <headerFooter differentFirst="1">
    <oddFooter>&amp;C老(5)－&amp;P</oddFooter>
  </headerFooter>
  <rowBreaks count="25" manualBreakCount="25">
    <brk id="34" max="16383" man="1"/>
    <brk id="83" max="16383" man="1"/>
    <brk id="178" max="16383" man="1"/>
    <brk id="225" max="16383" man="1"/>
    <brk id="272" max="16383" man="1"/>
    <brk id="319" max="16383" man="1"/>
    <brk id="366" max="16383" man="1"/>
    <brk id="413" max="16383" man="1"/>
    <brk id="460" max="16383" man="1"/>
    <brk id="507" max="16383" man="1"/>
    <brk id="554" max="16383" man="1"/>
    <brk id="601" max="16383" man="1"/>
    <brk id="648" max="16383" man="1"/>
    <brk id="695" max="16383" man="1"/>
    <brk id="742" max="16383" man="1"/>
    <brk id="789" max="16383" man="1"/>
    <brk id="836" max="16383" man="1"/>
    <brk id="883" max="15" man="1"/>
    <brk id="930" max="15" man="1"/>
    <brk id="977" max="16383" man="1"/>
    <brk id="1024" max="16383" man="1"/>
    <brk id="1071" max="16383" man="1"/>
    <brk id="1118" max="16383" man="1"/>
    <brk id="1212" max="16383" man="1"/>
    <brk id="1259" max="16383" man="1"/>
  </rowBreaks>
  <colBreaks count="1" manualBreakCount="1">
    <brk id="13" min="129" max="1305" man="1"/>
  </colBreaks>
  <drawing r:id="rId3"/>
  <legacyDrawing r:id="rId4"/>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000-000000000000}">
          <x14:formula1>
            <xm:f>根拠法令等!$F$2:$F$3</xm:f>
          </x14:formula1>
          <xm:sqref>K181:L183 K242:L244 K274:L274 K276:L278 K321:L323 K347:L348 K355:L356 K369:L371 K417:L424 K436:L436 K438:L440 K462:L462 K464:L464 K509:L509 K556:L557 K603:L603 K650:L650 K652:L652 K665:L665 K668:L668 K670:L670 K672:L674 K685:L685 K689:L690 K700:L700 K754:L754 K1104:L1104 K772:L772 K791:L791 K793:L793 K795:L795 K797:L797 K875:L883 K896:L897 K909:L911 K925:L925 K927:L927 K134:L134 K1263:L1264 K932:L941 K979:L979 K1119:L1119 K1096:L1096 K614:L614 K1074:L1074 K1137:L1137 K1089:L1090 K1092:L1093 K1099:L1099 K1155:L1156 K1112:L1112 K981:L982 K984:L984 K692:L692 K697:L698 K907:L907 K512:L512 K560:L560 K574:L574 K593:L593 K885:L885 K325:L345 K590:L590 K943:L943 K904:L904 K1106:L1106 K749:L749 K747:L747 K752:L752 K756:L756 K745:L745 K887:L887 K1261:L1261 K605:L612 K1214:L1214 K1216:L1216 K1231:L1231 K1233:L1233 K1240:L1241 K1148:L1148 K1140:L1140 K578:L578 K1039:L1039 K1030:L1030 K1027:L1027 K1072:L1072 K1167:L1167 K1169:L1169 K1171:L1171 K1173:L1174 K1189:L1189 K1196:L1196 K1198:L1198 K1200:L1200 K1203:L1203 K360:L360 K537:L537</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2:G248"/>
  <sheetViews>
    <sheetView topLeftCell="A136" zoomScaleNormal="100" workbookViewId="0">
      <selection activeCell="B140" sqref="B140:B146"/>
    </sheetView>
  </sheetViews>
  <sheetFormatPr defaultColWidth="9" defaultRowHeight="12" x14ac:dyDescent="0.25"/>
  <cols>
    <col min="1" max="1" width="0.46484375" style="2" customWidth="1"/>
    <col min="2" max="2" width="80.86328125" style="2" customWidth="1"/>
    <col min="3" max="3" width="0.46484375" style="2" customWidth="1"/>
    <col min="4" max="4" width="37.73046875" style="2" customWidth="1"/>
    <col min="5" max="5" width="5.265625" style="2" customWidth="1"/>
    <col min="6" max="6" width="5.265625" style="19" customWidth="1"/>
    <col min="7" max="12" width="5.265625" style="2" customWidth="1"/>
    <col min="13" max="16384" width="9" style="2"/>
  </cols>
  <sheetData>
    <row r="2" spans="2:7" ht="16.149999999999999" x14ac:dyDescent="0.25">
      <c r="F2" s="64" t="s">
        <v>102</v>
      </c>
    </row>
    <row r="3" spans="2:7" ht="16.149999999999999" x14ac:dyDescent="0.25">
      <c r="F3" s="64" t="s">
        <v>100</v>
      </c>
      <c r="G3" s="64"/>
    </row>
    <row r="4" spans="2:7" ht="112.5" x14ac:dyDescent="0.25">
      <c r="B4" s="1" t="s">
        <v>559</v>
      </c>
    </row>
    <row r="6" spans="2:7" ht="187.5" x14ac:dyDescent="0.25">
      <c r="B6" s="4" t="s">
        <v>561</v>
      </c>
    </row>
    <row r="7" spans="2:7" ht="103.15" x14ac:dyDescent="0.25">
      <c r="B7" s="1" t="s">
        <v>338</v>
      </c>
    </row>
    <row r="8" spans="2:7" ht="234.4" x14ac:dyDescent="0.25">
      <c r="B8" s="4" t="s">
        <v>462</v>
      </c>
    </row>
    <row r="9" spans="2:7" ht="84.4" x14ac:dyDescent="0.25">
      <c r="B9" s="1" t="s">
        <v>479</v>
      </c>
    </row>
    <row r="10" spans="2:7" ht="103.15" x14ac:dyDescent="0.25">
      <c r="B10" s="5" t="s">
        <v>339</v>
      </c>
    </row>
    <row r="11" spans="2:7" ht="93.75" x14ac:dyDescent="0.25">
      <c r="B11" s="4" t="s">
        <v>627</v>
      </c>
    </row>
    <row r="12" spans="2:7" x14ac:dyDescent="0.25">
      <c r="B12" s="4"/>
    </row>
    <row r="13" spans="2:7" ht="46.9" x14ac:dyDescent="0.25">
      <c r="B13" s="4" t="s">
        <v>439</v>
      </c>
      <c r="D13" s="241"/>
    </row>
    <row r="14" spans="2:7" ht="103.15" x14ac:dyDescent="0.25">
      <c r="B14" s="6" t="s">
        <v>548</v>
      </c>
      <c r="D14" s="241"/>
    </row>
    <row r="15" spans="2:7" ht="112.5" x14ac:dyDescent="0.25">
      <c r="B15" s="5" t="s">
        <v>178</v>
      </c>
    </row>
    <row r="16" spans="2:7" ht="121.9" x14ac:dyDescent="0.25">
      <c r="B16" s="5" t="s">
        <v>175</v>
      </c>
    </row>
    <row r="17" spans="2:4" ht="84.4" x14ac:dyDescent="0.25">
      <c r="B17" s="1" t="s">
        <v>549</v>
      </c>
      <c r="D17" s="241"/>
    </row>
    <row r="18" spans="2:4" x14ac:dyDescent="0.25">
      <c r="B18" s="5"/>
    </row>
    <row r="19" spans="2:4" ht="65.650000000000006" x14ac:dyDescent="0.25">
      <c r="B19" s="4" t="s">
        <v>340</v>
      </c>
    </row>
    <row r="20" spans="2:4" ht="112.5" x14ac:dyDescent="0.25">
      <c r="B20" s="5" t="s">
        <v>536</v>
      </c>
      <c r="D20" s="241"/>
    </row>
    <row r="21" spans="2:4" ht="112.5" x14ac:dyDescent="0.25">
      <c r="B21" s="260" t="s">
        <v>177</v>
      </c>
    </row>
    <row r="22" spans="2:4" ht="103.15" x14ac:dyDescent="0.25">
      <c r="B22" s="5" t="s">
        <v>176</v>
      </c>
    </row>
    <row r="23" spans="2:4" ht="103.15" x14ac:dyDescent="0.25">
      <c r="B23" s="4" t="s">
        <v>339</v>
      </c>
    </row>
    <row r="24" spans="2:4" ht="159.4" x14ac:dyDescent="0.25">
      <c r="B24" s="1" t="s">
        <v>480</v>
      </c>
    </row>
    <row r="25" spans="2:4" x14ac:dyDescent="0.25">
      <c r="B25" s="6"/>
    </row>
    <row r="26" spans="2:4" ht="243.75" x14ac:dyDescent="0.25">
      <c r="B26" s="1" t="s">
        <v>441</v>
      </c>
    </row>
    <row r="27" spans="2:4" ht="18.75" x14ac:dyDescent="0.25">
      <c r="B27" s="6" t="s">
        <v>179</v>
      </c>
    </row>
    <row r="28" spans="2:4" ht="103.15" x14ac:dyDescent="0.25">
      <c r="B28" s="1" t="s">
        <v>339</v>
      </c>
    </row>
    <row r="29" spans="2:4" x14ac:dyDescent="0.25">
      <c r="B29" s="6"/>
    </row>
    <row r="30" spans="2:4" ht="112.5" x14ac:dyDescent="0.25">
      <c r="B30" s="6" t="s">
        <v>574</v>
      </c>
    </row>
    <row r="31" spans="2:4" x14ac:dyDescent="0.25">
      <c r="B31" s="6"/>
    </row>
    <row r="32" spans="2:4" ht="65.650000000000006" x14ac:dyDescent="0.25">
      <c r="B32" s="1" t="s">
        <v>591</v>
      </c>
    </row>
    <row r="33" spans="2:2" x14ac:dyDescent="0.25">
      <c r="B33" s="6"/>
    </row>
    <row r="34" spans="2:2" ht="75" x14ac:dyDescent="0.25">
      <c r="B34" s="1" t="s">
        <v>442</v>
      </c>
    </row>
    <row r="35" spans="2:2" x14ac:dyDescent="0.25">
      <c r="B35" s="3"/>
    </row>
    <row r="36" spans="2:2" ht="46.9" x14ac:dyDescent="0.25">
      <c r="B36" s="1" t="s">
        <v>192</v>
      </c>
    </row>
    <row r="37" spans="2:2" ht="65.650000000000006" x14ac:dyDescent="0.25">
      <c r="B37" s="1" t="s">
        <v>193</v>
      </c>
    </row>
    <row r="38" spans="2:2" ht="37.5" x14ac:dyDescent="0.25">
      <c r="B38" s="5" t="s">
        <v>194</v>
      </c>
    </row>
    <row r="39" spans="2:2" ht="93.75" x14ac:dyDescent="0.25">
      <c r="B39" s="5" t="s">
        <v>195</v>
      </c>
    </row>
    <row r="40" spans="2:2" ht="131.25" x14ac:dyDescent="0.25">
      <c r="B40" s="5" t="s">
        <v>196</v>
      </c>
    </row>
    <row r="41" spans="2:2" ht="112.5" x14ac:dyDescent="0.25">
      <c r="B41" s="5" t="s">
        <v>197</v>
      </c>
    </row>
    <row r="42" spans="2:2" ht="65.650000000000006" x14ac:dyDescent="0.25">
      <c r="B42" s="5" t="s">
        <v>198</v>
      </c>
    </row>
    <row r="43" spans="2:2" ht="75" x14ac:dyDescent="0.25">
      <c r="B43" s="5" t="s">
        <v>199</v>
      </c>
    </row>
    <row r="44" spans="2:2" ht="28.15" x14ac:dyDescent="0.25">
      <c r="B44" s="122" t="s">
        <v>200</v>
      </c>
    </row>
    <row r="46" spans="2:2" ht="103.15" x14ac:dyDescent="0.25">
      <c r="B46" s="4" t="s">
        <v>563</v>
      </c>
    </row>
    <row r="47" spans="2:2" ht="178.15" x14ac:dyDescent="0.25">
      <c r="B47" s="6" t="s">
        <v>341</v>
      </c>
    </row>
    <row r="49" spans="2:4" ht="103.15" x14ac:dyDescent="0.25">
      <c r="B49" s="4" t="s">
        <v>201</v>
      </c>
      <c r="D49" s="245" t="s">
        <v>449</v>
      </c>
    </row>
    <row r="50" spans="2:4" ht="159.4" x14ac:dyDescent="0.25">
      <c r="B50" s="5" t="s">
        <v>342</v>
      </c>
      <c r="D50" s="244"/>
    </row>
    <row r="51" spans="2:4" ht="112.5" x14ac:dyDescent="0.25">
      <c r="B51" s="123" t="s">
        <v>76</v>
      </c>
      <c r="D51" s="244"/>
    </row>
    <row r="52" spans="2:4" x14ac:dyDescent="0.25">
      <c r="D52" s="5"/>
    </row>
    <row r="53" spans="2:4" ht="93.75" x14ac:dyDescent="0.25">
      <c r="B53" s="4" t="s">
        <v>440</v>
      </c>
      <c r="D53" s="246" t="s">
        <v>450</v>
      </c>
    </row>
    <row r="54" spans="2:4" ht="93.75" x14ac:dyDescent="0.25">
      <c r="B54" s="5" t="s">
        <v>343</v>
      </c>
      <c r="D54" s="244"/>
    </row>
    <row r="55" spans="2:4" ht="103.15" x14ac:dyDescent="0.25">
      <c r="B55" s="5" t="s">
        <v>227</v>
      </c>
      <c r="D55" s="244"/>
    </row>
    <row r="56" spans="2:4" ht="75" x14ac:dyDescent="0.25">
      <c r="B56" s="6" t="s">
        <v>228</v>
      </c>
      <c r="D56" s="244"/>
    </row>
    <row r="58" spans="2:4" ht="93.75" x14ac:dyDescent="0.25">
      <c r="B58" s="4" t="s">
        <v>203</v>
      </c>
    </row>
    <row r="59" spans="2:4" ht="84.4" x14ac:dyDescent="0.25">
      <c r="B59" s="5" t="s">
        <v>204</v>
      </c>
    </row>
    <row r="60" spans="2:4" ht="37.5" x14ac:dyDescent="0.25">
      <c r="B60" s="5" t="s">
        <v>206</v>
      </c>
    </row>
    <row r="61" spans="2:4" ht="84.4" x14ac:dyDescent="0.25">
      <c r="B61" s="5" t="s">
        <v>205</v>
      </c>
    </row>
    <row r="62" spans="2:4" ht="56.25" x14ac:dyDescent="0.25">
      <c r="B62" s="5" t="s">
        <v>344</v>
      </c>
    </row>
    <row r="63" spans="2:4" ht="37.5" x14ac:dyDescent="0.25">
      <c r="B63" s="6" t="s">
        <v>596</v>
      </c>
    </row>
    <row r="64" spans="2:4" x14ac:dyDescent="0.25">
      <c r="B64" s="3"/>
    </row>
    <row r="65" spans="1:4" ht="56.25" x14ac:dyDescent="0.25">
      <c r="B65" s="1" t="s">
        <v>207</v>
      </c>
    </row>
    <row r="67" spans="1:4" ht="112.5" x14ac:dyDescent="0.25">
      <c r="B67" s="4" t="s">
        <v>208</v>
      </c>
      <c r="D67" s="245" t="s">
        <v>449</v>
      </c>
    </row>
    <row r="68" spans="1:4" ht="46.9" x14ac:dyDescent="0.25">
      <c r="B68" s="5" t="s">
        <v>345</v>
      </c>
      <c r="D68" s="244"/>
    </row>
    <row r="69" spans="1:4" ht="93.75" x14ac:dyDescent="0.25">
      <c r="B69" s="6" t="s">
        <v>346</v>
      </c>
      <c r="D69" s="244"/>
    </row>
    <row r="70" spans="1:4" x14ac:dyDescent="0.25">
      <c r="B70" s="3"/>
    </row>
    <row r="71" spans="1:4" ht="46.9" x14ac:dyDescent="0.25">
      <c r="B71" s="1" t="s">
        <v>347</v>
      </c>
    </row>
    <row r="72" spans="1:4" x14ac:dyDescent="0.25">
      <c r="B72" s="3"/>
    </row>
    <row r="73" spans="1:4" ht="121.9" x14ac:dyDescent="0.25">
      <c r="B73" s="4" t="s">
        <v>209</v>
      </c>
    </row>
    <row r="74" spans="1:4" ht="56.25" x14ac:dyDescent="0.25">
      <c r="B74" s="5" t="s">
        <v>348</v>
      </c>
    </row>
    <row r="75" spans="1:4" ht="75" x14ac:dyDescent="0.25">
      <c r="A75" s="3"/>
      <c r="B75" s="5" t="s">
        <v>349</v>
      </c>
    </row>
    <row r="76" spans="1:4" ht="112.5" x14ac:dyDescent="0.25">
      <c r="A76" s="3"/>
      <c r="B76" s="6" t="s">
        <v>250</v>
      </c>
    </row>
    <row r="78" spans="1:4" ht="168.75" x14ac:dyDescent="0.25">
      <c r="B78" s="4" t="s">
        <v>210</v>
      </c>
      <c r="D78" s="245" t="s">
        <v>449</v>
      </c>
    </row>
    <row r="79" spans="1:4" ht="84.4" x14ac:dyDescent="0.25">
      <c r="B79" s="5" t="s">
        <v>537</v>
      </c>
      <c r="D79" s="253" t="s">
        <v>483</v>
      </c>
    </row>
    <row r="80" spans="1:4" ht="168.75" x14ac:dyDescent="0.25">
      <c r="B80" s="5" t="s">
        <v>538</v>
      </c>
      <c r="D80" s="248" t="s">
        <v>463</v>
      </c>
    </row>
    <row r="81" spans="2:4" ht="75" x14ac:dyDescent="0.25">
      <c r="B81" s="5" t="s">
        <v>550</v>
      </c>
      <c r="D81" s="242"/>
    </row>
    <row r="82" spans="2:4" ht="84.4" x14ac:dyDescent="0.25">
      <c r="B82" s="5" t="s">
        <v>467</v>
      </c>
      <c r="D82" s="242"/>
    </row>
    <row r="83" spans="2:4" ht="65.650000000000006" x14ac:dyDescent="0.25">
      <c r="B83" s="6" t="s">
        <v>351</v>
      </c>
      <c r="D83" s="242"/>
    </row>
    <row r="85" spans="2:4" ht="28.15" x14ac:dyDescent="0.25">
      <c r="B85" s="4" t="s">
        <v>211</v>
      </c>
    </row>
    <row r="86" spans="2:4" ht="168.75" x14ac:dyDescent="0.25">
      <c r="B86" s="6" t="s">
        <v>352</v>
      </c>
    </row>
    <row r="88" spans="2:4" ht="112.5" x14ac:dyDescent="0.25">
      <c r="B88" s="4" t="s">
        <v>212</v>
      </c>
    </row>
    <row r="89" spans="2:4" ht="159.4" x14ac:dyDescent="0.25">
      <c r="B89" s="6" t="s">
        <v>353</v>
      </c>
    </row>
    <row r="90" spans="2:4" x14ac:dyDescent="0.25">
      <c r="B90" s="3"/>
    </row>
    <row r="91" spans="2:4" ht="37.5" x14ac:dyDescent="0.25">
      <c r="B91" s="1" t="s">
        <v>213</v>
      </c>
    </row>
    <row r="92" spans="2:4" x14ac:dyDescent="0.25">
      <c r="B92" s="3"/>
    </row>
    <row r="93" spans="2:4" x14ac:dyDescent="0.25">
      <c r="B93" s="3"/>
    </row>
    <row r="94" spans="2:4" x14ac:dyDescent="0.25">
      <c r="B94" s="3"/>
    </row>
    <row r="95" spans="2:4" ht="56.25" x14ac:dyDescent="0.25">
      <c r="B95" s="1" t="s">
        <v>253</v>
      </c>
    </row>
    <row r="96" spans="2:4" x14ac:dyDescent="0.25">
      <c r="B96" s="3"/>
    </row>
    <row r="99" spans="2:4" ht="112.5" x14ac:dyDescent="0.25">
      <c r="B99" s="4" t="s">
        <v>565</v>
      </c>
    </row>
    <row r="100" spans="2:4" ht="56.25" x14ac:dyDescent="0.25">
      <c r="B100" s="5" t="s">
        <v>539</v>
      </c>
    </row>
    <row r="101" spans="2:4" ht="121.9" x14ac:dyDescent="0.25">
      <c r="B101" s="5" t="s">
        <v>443</v>
      </c>
    </row>
    <row r="102" spans="2:4" ht="93.75" x14ac:dyDescent="0.25">
      <c r="B102" s="6" t="s">
        <v>254</v>
      </c>
    </row>
    <row r="104" spans="2:4" ht="65.650000000000006" x14ac:dyDescent="0.25">
      <c r="B104" s="4" t="s">
        <v>567</v>
      </c>
      <c r="D104" s="245" t="s">
        <v>449</v>
      </c>
    </row>
    <row r="105" spans="2:4" ht="46.9" x14ac:dyDescent="0.25">
      <c r="B105" s="5" t="s">
        <v>444</v>
      </c>
      <c r="D105" s="244"/>
    </row>
    <row r="106" spans="2:4" ht="168.75" x14ac:dyDescent="0.25">
      <c r="B106" s="5" t="s">
        <v>547</v>
      </c>
      <c r="D106" s="244"/>
    </row>
    <row r="107" spans="2:4" ht="65.650000000000006" x14ac:dyDescent="0.25">
      <c r="B107" s="5" t="s">
        <v>255</v>
      </c>
      <c r="D107" s="244"/>
    </row>
    <row r="108" spans="2:4" ht="84.4" x14ac:dyDescent="0.25">
      <c r="B108" s="6" t="s">
        <v>354</v>
      </c>
      <c r="D108" s="244"/>
    </row>
    <row r="110" spans="2:4" ht="28.15" x14ac:dyDescent="0.25">
      <c r="B110" s="1" t="s">
        <v>215</v>
      </c>
    </row>
    <row r="112" spans="2:4" ht="121.9" x14ac:dyDescent="0.25">
      <c r="B112" s="4" t="s">
        <v>568</v>
      </c>
    </row>
    <row r="113" spans="2:4" ht="112.5" x14ac:dyDescent="0.25">
      <c r="B113" s="5" t="s">
        <v>445</v>
      </c>
    </row>
    <row r="114" spans="2:4" ht="178.15" x14ac:dyDescent="0.25">
      <c r="B114" s="5" t="s">
        <v>540</v>
      </c>
      <c r="D114" s="249" t="s">
        <v>464</v>
      </c>
    </row>
    <row r="115" spans="2:4" ht="84.4" x14ac:dyDescent="0.25">
      <c r="B115" s="5" t="s">
        <v>356</v>
      </c>
      <c r="D115" s="242"/>
    </row>
    <row r="116" spans="2:4" ht="93.75" x14ac:dyDescent="0.25">
      <c r="B116" s="5" t="s">
        <v>98</v>
      </c>
      <c r="D116" s="242"/>
    </row>
    <row r="117" spans="2:4" ht="65.650000000000006" x14ac:dyDescent="0.25">
      <c r="B117" s="5" t="s">
        <v>569</v>
      </c>
      <c r="D117" s="242"/>
    </row>
    <row r="118" spans="2:4" ht="46.9" x14ac:dyDescent="0.25">
      <c r="B118" s="6" t="s">
        <v>468</v>
      </c>
      <c r="D118" s="242"/>
    </row>
    <row r="119" spans="2:4" ht="65.650000000000006" x14ac:dyDescent="0.25">
      <c r="B119" s="4" t="s">
        <v>28</v>
      </c>
    </row>
    <row r="120" spans="2:4" ht="56.25" x14ac:dyDescent="0.25">
      <c r="B120" s="5" t="s">
        <v>68</v>
      </c>
    </row>
    <row r="121" spans="2:4" ht="46.9" x14ac:dyDescent="0.25">
      <c r="B121" s="5" t="s">
        <v>29</v>
      </c>
    </row>
    <row r="122" spans="2:4" ht="93.75" x14ac:dyDescent="0.25">
      <c r="B122" s="6" t="s">
        <v>30</v>
      </c>
    </row>
    <row r="123" spans="2:4" x14ac:dyDescent="0.25">
      <c r="B123" s="3"/>
    </row>
    <row r="124" spans="2:4" ht="168.75" x14ac:dyDescent="0.25">
      <c r="B124" s="4" t="s">
        <v>541</v>
      </c>
      <c r="D124" s="247" t="s">
        <v>451</v>
      </c>
    </row>
    <row r="125" spans="2:4" ht="84.4" x14ac:dyDescent="0.25">
      <c r="B125" s="5" t="s">
        <v>554</v>
      </c>
      <c r="D125" s="241"/>
    </row>
    <row r="126" spans="2:4" ht="131.25" x14ac:dyDescent="0.25">
      <c r="B126" s="5" t="s">
        <v>453</v>
      </c>
      <c r="D126" s="241"/>
    </row>
    <row r="127" spans="2:4" ht="37.5" x14ac:dyDescent="0.25">
      <c r="B127" s="6" t="s">
        <v>542</v>
      </c>
      <c r="D127" s="241"/>
    </row>
    <row r="129" spans="2:4" ht="131.25" x14ac:dyDescent="0.25">
      <c r="B129" s="1" t="s">
        <v>639</v>
      </c>
      <c r="D129" s="247" t="s">
        <v>451</v>
      </c>
    </row>
    <row r="130" spans="2:4" ht="16.149999999999999" x14ac:dyDescent="0.25">
      <c r="B130" s="4"/>
      <c r="D130" s="250"/>
    </row>
    <row r="131" spans="2:4" ht="75" x14ac:dyDescent="0.25">
      <c r="B131" s="1" t="s">
        <v>446</v>
      </c>
    </row>
    <row r="132" spans="2:4" x14ac:dyDescent="0.25">
      <c r="B132" s="3"/>
    </row>
    <row r="133" spans="2:4" ht="28.15" x14ac:dyDescent="0.25">
      <c r="B133" s="1" t="s">
        <v>217</v>
      </c>
    </row>
    <row r="135" spans="2:4" ht="84.4" x14ac:dyDescent="0.25">
      <c r="B135" s="4" t="s">
        <v>543</v>
      </c>
      <c r="D135" s="245" t="s">
        <v>449</v>
      </c>
    </row>
    <row r="136" spans="2:4" ht="103.15" x14ac:dyDescent="0.25">
      <c r="B136" s="6" t="s">
        <v>544</v>
      </c>
      <c r="D136" s="246" t="s">
        <v>454</v>
      </c>
    </row>
    <row r="137" spans="2:4" x14ac:dyDescent="0.25">
      <c r="B137" s="3"/>
    </row>
    <row r="138" spans="2:4" ht="46.9" x14ac:dyDescent="0.25">
      <c r="B138" s="1" t="s">
        <v>219</v>
      </c>
    </row>
    <row r="140" spans="2:4" ht="121.9" x14ac:dyDescent="0.25">
      <c r="B140" s="4" t="s">
        <v>220</v>
      </c>
    </row>
    <row r="141" spans="2:4" ht="103.15" x14ac:dyDescent="0.25">
      <c r="B141" s="5" t="s">
        <v>447</v>
      </c>
    </row>
    <row r="142" spans="2:4" ht="112.5" x14ac:dyDescent="0.25">
      <c r="B142" s="5" t="s">
        <v>675</v>
      </c>
    </row>
    <row r="143" spans="2:4" ht="103.15" x14ac:dyDescent="0.25">
      <c r="B143" s="5" t="s">
        <v>259</v>
      </c>
    </row>
    <row r="144" spans="2:4" ht="65.650000000000006" x14ac:dyDescent="0.25">
      <c r="B144" s="5" t="s">
        <v>360</v>
      </c>
    </row>
    <row r="145" spans="2:6" ht="84.4" x14ac:dyDescent="0.25">
      <c r="B145" s="5" t="s">
        <v>545</v>
      </c>
      <c r="D145" s="242" t="s">
        <v>465</v>
      </c>
    </row>
    <row r="146" spans="2:6" ht="18.75" x14ac:dyDescent="0.25">
      <c r="B146" s="6" t="s">
        <v>31</v>
      </c>
    </row>
    <row r="147" spans="2:6" x14ac:dyDescent="0.25">
      <c r="B147" s="3"/>
    </row>
    <row r="149" spans="2:6" ht="65.650000000000006" x14ac:dyDescent="0.25">
      <c r="B149" s="4" t="s">
        <v>571</v>
      </c>
      <c r="D149" s="244"/>
    </row>
    <row r="150" spans="2:6" ht="150" x14ac:dyDescent="0.25">
      <c r="B150" s="5" t="s">
        <v>448</v>
      </c>
      <c r="D150" s="244"/>
    </row>
    <row r="151" spans="2:6" ht="215.65" x14ac:dyDescent="0.25">
      <c r="B151" s="5" t="s">
        <v>362</v>
      </c>
      <c r="D151" s="244"/>
    </row>
    <row r="152" spans="2:6" ht="103.15" x14ac:dyDescent="0.25">
      <c r="B152" s="5" t="s">
        <v>32</v>
      </c>
      <c r="D152" s="244"/>
    </row>
    <row r="153" spans="2:6" ht="65.650000000000006" x14ac:dyDescent="0.25">
      <c r="B153" s="5" t="s">
        <v>363</v>
      </c>
      <c r="D153" s="244"/>
    </row>
    <row r="154" spans="2:6" ht="84.4" x14ac:dyDescent="0.25">
      <c r="B154" s="6" t="s">
        <v>455</v>
      </c>
      <c r="D154" s="242" t="s">
        <v>465</v>
      </c>
    </row>
    <row r="155" spans="2:6" x14ac:dyDescent="0.25">
      <c r="B155" s="3"/>
    </row>
    <row r="156" spans="2:6" ht="103.15" x14ac:dyDescent="0.25">
      <c r="B156" s="3" t="s">
        <v>222</v>
      </c>
      <c r="D156" s="247" t="s">
        <v>452</v>
      </c>
    </row>
    <row r="157" spans="2:6" x14ac:dyDescent="0.25">
      <c r="B157" s="3"/>
    </row>
    <row r="158" spans="2:6" x14ac:dyDescent="0.25">
      <c r="B158" s="126"/>
      <c r="E158" s="137"/>
    </row>
    <row r="159" spans="2:6" x14ac:dyDescent="0.25">
      <c r="B159" s="3"/>
      <c r="E159" s="137"/>
    </row>
    <row r="160" spans="2:6" s="236" customFormat="1" ht="93.75" x14ac:dyDescent="0.25">
      <c r="B160" s="235" t="s">
        <v>202</v>
      </c>
      <c r="D160" s="243" t="s">
        <v>466</v>
      </c>
      <c r="F160" s="237"/>
    </row>
    <row r="161" spans="2:6" s="236" customFormat="1" ht="112.5" x14ac:dyDescent="0.25">
      <c r="B161" s="238" t="s">
        <v>208</v>
      </c>
      <c r="F161" s="237"/>
    </row>
    <row r="162" spans="2:6" s="236" customFormat="1" ht="46.9" x14ac:dyDescent="0.25">
      <c r="B162" s="239" t="s">
        <v>345</v>
      </c>
      <c r="F162" s="237"/>
    </row>
    <row r="163" spans="2:6" s="236" customFormat="1" ht="93.75" x14ac:dyDescent="0.25">
      <c r="B163" s="240" t="s">
        <v>346</v>
      </c>
      <c r="F163" s="237"/>
    </row>
    <row r="164" spans="2:6" ht="159.4" x14ac:dyDescent="0.25">
      <c r="B164" s="1" t="s">
        <v>480</v>
      </c>
      <c r="E164" s="137"/>
    </row>
    <row r="165" spans="2:6" x14ac:dyDescent="0.25">
      <c r="E165" s="137"/>
    </row>
    <row r="166" spans="2:6" s="236" customFormat="1" ht="103.15" x14ac:dyDescent="0.25">
      <c r="B166" s="238" t="s">
        <v>201</v>
      </c>
      <c r="F166" s="237"/>
    </row>
    <row r="167" spans="2:6" s="236" customFormat="1" ht="140.65" x14ac:dyDescent="0.25">
      <c r="B167" s="239" t="s">
        <v>377</v>
      </c>
      <c r="F167" s="237"/>
    </row>
    <row r="168" spans="2:6" s="236" customFormat="1" ht="112.5" x14ac:dyDescent="0.25">
      <c r="B168" s="235" t="s">
        <v>76</v>
      </c>
      <c r="F168" s="237"/>
    </row>
    <row r="169" spans="2:6" ht="75" x14ac:dyDescent="0.25">
      <c r="B169" s="1" t="s">
        <v>546</v>
      </c>
    </row>
    <row r="170" spans="2:6" s="236" customFormat="1" ht="65.650000000000006" x14ac:dyDescent="0.25">
      <c r="B170" s="4" t="s">
        <v>214</v>
      </c>
      <c r="F170" s="237"/>
    </row>
    <row r="171" spans="2:6" s="236" customFormat="1" ht="46.9" x14ac:dyDescent="0.25">
      <c r="B171" s="5" t="s">
        <v>444</v>
      </c>
      <c r="F171" s="237"/>
    </row>
    <row r="172" spans="2:6" s="236" customFormat="1" ht="168.75" x14ac:dyDescent="0.25">
      <c r="B172" s="6" t="s">
        <v>547</v>
      </c>
      <c r="F172" s="237"/>
    </row>
    <row r="173" spans="2:6" s="236" customFormat="1" ht="65.650000000000006" x14ac:dyDescent="0.25">
      <c r="B173" s="239" t="s">
        <v>255</v>
      </c>
      <c r="F173" s="237"/>
    </row>
    <row r="174" spans="2:6" s="236" customFormat="1" ht="84.4" x14ac:dyDescent="0.25">
      <c r="B174" s="240" t="s">
        <v>354</v>
      </c>
      <c r="F174" s="237"/>
    </row>
    <row r="175" spans="2:6" ht="84.4" x14ac:dyDescent="0.25">
      <c r="B175" s="1" t="s">
        <v>173</v>
      </c>
      <c r="E175" s="137"/>
    </row>
    <row r="176" spans="2:6" ht="84.4" x14ac:dyDescent="0.25">
      <c r="B176" s="4" t="s">
        <v>160</v>
      </c>
      <c r="E176" s="137"/>
    </row>
    <row r="177" spans="2:6" ht="75" x14ac:dyDescent="0.25">
      <c r="B177" s="6" t="s">
        <v>159</v>
      </c>
      <c r="E177" s="137"/>
    </row>
    <row r="178" spans="2:6" ht="103.15" x14ac:dyDescent="0.25">
      <c r="B178" s="4" t="s">
        <v>161</v>
      </c>
      <c r="E178" s="137"/>
    </row>
    <row r="179" spans="2:6" ht="84.4" x14ac:dyDescent="0.25">
      <c r="B179" s="6" t="s">
        <v>162</v>
      </c>
      <c r="E179" s="137"/>
    </row>
    <row r="180" spans="2:6" ht="131.25" x14ac:dyDescent="0.25">
      <c r="B180" s="4" t="s">
        <v>72</v>
      </c>
      <c r="E180" s="137"/>
    </row>
    <row r="181" spans="2:6" ht="121.9" x14ac:dyDescent="0.25">
      <c r="B181" s="6" t="s">
        <v>71</v>
      </c>
      <c r="E181" s="137"/>
    </row>
    <row r="182" spans="2:6" x14ac:dyDescent="0.25">
      <c r="E182" s="137"/>
    </row>
    <row r="183" spans="2:6" s="236" customFormat="1" ht="131.25" x14ac:dyDescent="0.25">
      <c r="B183" s="238" t="s">
        <v>216</v>
      </c>
      <c r="F183" s="237"/>
    </row>
    <row r="184" spans="2:6" s="236" customFormat="1" ht="112.5" x14ac:dyDescent="0.25">
      <c r="B184" s="239" t="s">
        <v>256</v>
      </c>
      <c r="F184" s="237"/>
    </row>
    <row r="185" spans="2:6" s="236" customFormat="1" ht="112.5" x14ac:dyDescent="0.25">
      <c r="B185" s="239" t="s">
        <v>355</v>
      </c>
      <c r="F185" s="237"/>
    </row>
    <row r="186" spans="2:6" s="236" customFormat="1" ht="84.4" x14ac:dyDescent="0.25">
      <c r="B186" s="239" t="s">
        <v>356</v>
      </c>
      <c r="F186" s="237"/>
    </row>
    <row r="187" spans="2:6" s="236" customFormat="1" ht="93.75" x14ac:dyDescent="0.25">
      <c r="B187" s="239" t="s">
        <v>98</v>
      </c>
      <c r="F187" s="237"/>
    </row>
    <row r="188" spans="2:6" s="236" customFormat="1" ht="65.650000000000006" x14ac:dyDescent="0.25">
      <c r="B188" s="239" t="s">
        <v>357</v>
      </c>
      <c r="F188" s="237"/>
    </row>
    <row r="189" spans="2:6" s="236" customFormat="1" ht="46.9" x14ac:dyDescent="0.25">
      <c r="B189" s="240" t="s">
        <v>358</v>
      </c>
      <c r="F189" s="237"/>
    </row>
    <row r="190" spans="2:6" ht="65.650000000000006" x14ac:dyDescent="0.25">
      <c r="B190" s="4" t="s">
        <v>28</v>
      </c>
      <c r="E190" s="137"/>
    </row>
    <row r="191" spans="2:6" ht="56.25" x14ac:dyDescent="0.25">
      <c r="B191" s="5" t="s">
        <v>68</v>
      </c>
      <c r="E191" s="137"/>
    </row>
    <row r="192" spans="2:6" ht="46.9" x14ac:dyDescent="0.25">
      <c r="B192" s="5" t="s">
        <v>29</v>
      </c>
      <c r="E192" s="137"/>
    </row>
    <row r="193" spans="2:6" ht="93.75" x14ac:dyDescent="0.25">
      <c r="B193" s="6" t="s">
        <v>30</v>
      </c>
      <c r="E193" s="137"/>
    </row>
    <row r="194" spans="2:6" x14ac:dyDescent="0.25">
      <c r="E194" s="137"/>
    </row>
    <row r="195" spans="2:6" s="273" customFormat="1" ht="121.9" x14ac:dyDescent="0.25">
      <c r="B195" s="283" t="s">
        <v>220</v>
      </c>
      <c r="F195" s="284"/>
    </row>
    <row r="196" spans="2:6" s="273" customFormat="1" ht="103.15" x14ac:dyDescent="0.25">
      <c r="B196" s="285" t="s">
        <v>359</v>
      </c>
      <c r="F196" s="284"/>
    </row>
    <row r="197" spans="2:6" s="273" customFormat="1" ht="112.5" x14ac:dyDescent="0.25">
      <c r="B197" s="285" t="s">
        <v>673</v>
      </c>
      <c r="F197" s="284"/>
    </row>
    <row r="198" spans="2:6" s="273" customFormat="1" ht="103.15" x14ac:dyDescent="0.25">
      <c r="B198" s="285" t="s">
        <v>259</v>
      </c>
      <c r="F198" s="284"/>
    </row>
    <row r="199" spans="2:6" s="273" customFormat="1" ht="65.650000000000006" x14ac:dyDescent="0.25">
      <c r="B199" s="285" t="s">
        <v>360</v>
      </c>
      <c r="F199" s="284"/>
    </row>
    <row r="200" spans="2:6" s="273" customFormat="1" ht="28.15" x14ac:dyDescent="0.25">
      <c r="B200" s="285" t="s">
        <v>361</v>
      </c>
      <c r="F200" s="284"/>
    </row>
    <row r="201" spans="2:6" s="273" customFormat="1" ht="18.75" x14ac:dyDescent="0.25">
      <c r="B201" s="122" t="s">
        <v>31</v>
      </c>
      <c r="F201" s="284"/>
    </row>
    <row r="202" spans="2:6" x14ac:dyDescent="0.25">
      <c r="E202" s="137"/>
    </row>
    <row r="203" spans="2:6" s="236" customFormat="1" ht="84.4" x14ac:dyDescent="0.25">
      <c r="B203" s="238" t="s">
        <v>218</v>
      </c>
      <c r="F203" s="237"/>
    </row>
    <row r="204" spans="2:6" s="236" customFormat="1" ht="84.4" x14ac:dyDescent="0.25">
      <c r="B204" s="240" t="s">
        <v>258</v>
      </c>
      <c r="F204" s="237"/>
    </row>
    <row r="205" spans="2:6" x14ac:dyDescent="0.25">
      <c r="E205" s="137"/>
    </row>
    <row r="206" spans="2:6" s="236" customFormat="1" ht="65.650000000000006" x14ac:dyDescent="0.25">
      <c r="B206" s="238" t="s">
        <v>221</v>
      </c>
      <c r="F206" s="237"/>
    </row>
    <row r="207" spans="2:6" s="236" customFormat="1" ht="150" x14ac:dyDescent="0.25">
      <c r="B207" s="239" t="s">
        <v>260</v>
      </c>
      <c r="F207" s="237"/>
    </row>
    <row r="208" spans="2:6" s="236" customFormat="1" ht="215.65" x14ac:dyDescent="0.25">
      <c r="B208" s="239" t="s">
        <v>362</v>
      </c>
      <c r="F208" s="237"/>
    </row>
    <row r="209" spans="2:6" s="236" customFormat="1" ht="103.15" x14ac:dyDescent="0.25">
      <c r="B209" s="239" t="s">
        <v>32</v>
      </c>
      <c r="F209" s="237"/>
    </row>
    <row r="210" spans="2:6" s="236" customFormat="1" ht="65.650000000000006" x14ac:dyDescent="0.25">
      <c r="B210" s="239" t="s">
        <v>363</v>
      </c>
      <c r="F210" s="237"/>
    </row>
    <row r="211" spans="2:6" s="236" customFormat="1" ht="28.15" x14ac:dyDescent="0.25">
      <c r="B211" s="240" t="s">
        <v>364</v>
      </c>
      <c r="F211" s="237"/>
    </row>
    <row r="212" spans="2:6" x14ac:dyDescent="0.25">
      <c r="E212" s="137"/>
    </row>
    <row r="213" spans="2:6" s="236" customFormat="1" ht="112.5" x14ac:dyDescent="0.25">
      <c r="B213" s="238" t="s">
        <v>261</v>
      </c>
      <c r="F213" s="237"/>
    </row>
    <row r="214" spans="2:6" s="236" customFormat="1" ht="103.15" x14ac:dyDescent="0.25">
      <c r="B214" s="239" t="s">
        <v>350</v>
      </c>
      <c r="F214" s="237"/>
    </row>
    <row r="215" spans="2:6" s="236" customFormat="1" ht="93.75" x14ac:dyDescent="0.25">
      <c r="B215" s="239" t="s">
        <v>251</v>
      </c>
      <c r="F215" s="237"/>
    </row>
    <row r="216" spans="2:6" s="236" customFormat="1" ht="84.4" x14ac:dyDescent="0.25">
      <c r="B216" s="239" t="s">
        <v>27</v>
      </c>
      <c r="F216" s="237"/>
    </row>
    <row r="217" spans="2:6" s="236" customFormat="1" ht="65.650000000000006" x14ac:dyDescent="0.25">
      <c r="B217" s="240" t="s">
        <v>351</v>
      </c>
      <c r="F217" s="237"/>
    </row>
    <row r="218" spans="2:6" ht="140.65" x14ac:dyDescent="0.25">
      <c r="B218" s="4" t="s">
        <v>79</v>
      </c>
      <c r="E218" s="137"/>
    </row>
    <row r="219" spans="2:6" ht="56.25" x14ac:dyDescent="0.25">
      <c r="B219" s="5" t="s">
        <v>133</v>
      </c>
      <c r="E219" s="137"/>
    </row>
    <row r="220" spans="2:6" ht="140.65" x14ac:dyDescent="0.25">
      <c r="B220" s="6" t="s">
        <v>80</v>
      </c>
      <c r="E220" s="137"/>
    </row>
    <row r="221" spans="2:6" x14ac:dyDescent="0.25">
      <c r="B221" s="3"/>
      <c r="E221" s="137"/>
    </row>
    <row r="222" spans="2:6" x14ac:dyDescent="0.25">
      <c r="E222" s="137"/>
    </row>
    <row r="223" spans="2:6" x14ac:dyDescent="0.25">
      <c r="E223" s="137"/>
    </row>
    <row r="224" spans="2:6" x14ac:dyDescent="0.25">
      <c r="E224" s="137"/>
    </row>
    <row r="225" spans="5:5" x14ac:dyDescent="0.25">
      <c r="E225" s="137"/>
    </row>
    <row r="226" spans="5:5" x14ac:dyDescent="0.25">
      <c r="E226" s="137"/>
    </row>
    <row r="227" spans="5:5" x14ac:dyDescent="0.25">
      <c r="E227" s="137"/>
    </row>
    <row r="228" spans="5:5" x14ac:dyDescent="0.25">
      <c r="E228" s="137"/>
    </row>
    <row r="229" spans="5:5" x14ac:dyDescent="0.25">
      <c r="E229" s="137"/>
    </row>
    <row r="230" spans="5:5" x14ac:dyDescent="0.25">
      <c r="E230" s="137"/>
    </row>
    <row r="231" spans="5:5" x14ac:dyDescent="0.25">
      <c r="E231" s="137"/>
    </row>
    <row r="232" spans="5:5" x14ac:dyDescent="0.25">
      <c r="E232" s="137"/>
    </row>
    <row r="233" spans="5:5" x14ac:dyDescent="0.25">
      <c r="E233" s="137"/>
    </row>
    <row r="234" spans="5:5" x14ac:dyDescent="0.25">
      <c r="E234" s="137"/>
    </row>
    <row r="235" spans="5:5" x14ac:dyDescent="0.25">
      <c r="E235" s="137"/>
    </row>
    <row r="236" spans="5:5" x14ac:dyDescent="0.25">
      <c r="E236" s="137"/>
    </row>
    <row r="237" spans="5:5" x14ac:dyDescent="0.25">
      <c r="E237" s="137"/>
    </row>
    <row r="238" spans="5:5" x14ac:dyDescent="0.25">
      <c r="E238" s="137"/>
    </row>
    <row r="239" spans="5:5" x14ac:dyDescent="0.25">
      <c r="E239" s="137"/>
    </row>
    <row r="240" spans="5:5" x14ac:dyDescent="0.25">
      <c r="E240" s="137"/>
    </row>
    <row r="241" spans="5:5" x14ac:dyDescent="0.25">
      <c r="E241" s="137"/>
    </row>
    <row r="242" spans="5:5" x14ac:dyDescent="0.25">
      <c r="E242" s="137"/>
    </row>
    <row r="243" spans="5:5" x14ac:dyDescent="0.25">
      <c r="E243" s="137"/>
    </row>
    <row r="244" spans="5:5" x14ac:dyDescent="0.25">
      <c r="E244" s="137"/>
    </row>
    <row r="245" spans="5:5" x14ac:dyDescent="0.25">
      <c r="E245" s="137"/>
    </row>
    <row r="246" spans="5:5" x14ac:dyDescent="0.25">
      <c r="E246" s="137"/>
    </row>
    <row r="247" spans="5:5" x14ac:dyDescent="0.25">
      <c r="E247" s="137"/>
    </row>
    <row r="248" spans="5:5" x14ac:dyDescent="0.25">
      <c r="E248" s="137"/>
    </row>
  </sheetData>
  <phoneticPr fontId="1"/>
  <pageMargins left="0.98425196850393704" right="0.98425196850393704" top="0.74803149606299213" bottom="0.74803149606299213" header="0.31496062992125984" footer="0.31496062992125984"/>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B1:T22"/>
  <sheetViews>
    <sheetView topLeftCell="A3" workbookViewId="0">
      <selection activeCell="Y6" sqref="Y6"/>
    </sheetView>
  </sheetViews>
  <sheetFormatPr defaultColWidth="4.265625" defaultRowHeight="18" customHeight="1" x14ac:dyDescent="0.25"/>
  <cols>
    <col min="1" max="1" width="4.265625" style="105"/>
    <col min="2" max="2" width="1.265625" style="105" customWidth="1"/>
    <col min="3" max="3" width="6.73046875" style="105" customWidth="1"/>
    <col min="4" max="9" width="4.265625" style="105"/>
    <col min="10" max="10" width="4.265625" style="105" customWidth="1"/>
    <col min="11" max="11" width="6.73046875" style="105" customWidth="1"/>
    <col min="12" max="16" width="4.265625" style="105"/>
    <col min="17" max="17" width="1.46484375" style="105" customWidth="1"/>
    <col min="18" max="18" width="6.73046875" style="105" customWidth="1"/>
    <col min="19" max="19" width="4.265625" style="105"/>
    <col min="20" max="21" width="1.46484375" style="105" customWidth="1"/>
    <col min="22" max="16384" width="4.265625" style="105"/>
  </cols>
  <sheetData>
    <row r="1" spans="2:20" ht="18" customHeight="1" x14ac:dyDescent="0.25">
      <c r="C1" s="106"/>
    </row>
    <row r="2" spans="2:20" ht="15" customHeight="1" x14ac:dyDescent="0.25">
      <c r="B2" s="113" t="s">
        <v>191</v>
      </c>
      <c r="C2" s="120"/>
      <c r="D2" s="114"/>
      <c r="E2" s="114"/>
      <c r="F2" s="114"/>
      <c r="G2" s="114"/>
      <c r="H2" s="114"/>
      <c r="I2" s="114"/>
      <c r="J2" s="114"/>
      <c r="K2" s="114"/>
      <c r="L2" s="114"/>
      <c r="M2" s="114"/>
      <c r="N2" s="114"/>
      <c r="O2" s="114"/>
      <c r="P2" s="114"/>
      <c r="Q2" s="114"/>
      <c r="R2" s="114"/>
      <c r="S2" s="114"/>
      <c r="T2" s="115"/>
    </row>
    <row r="3" spans="2:20" ht="15" customHeight="1" x14ac:dyDescent="0.25">
      <c r="B3" s="117"/>
      <c r="C3" s="431" t="s">
        <v>190</v>
      </c>
      <c r="D3" s="431"/>
      <c r="E3" s="431"/>
      <c r="F3" s="431"/>
      <c r="G3" s="431"/>
      <c r="H3" s="431"/>
      <c r="I3" s="431"/>
      <c r="J3" s="431"/>
      <c r="K3" s="431"/>
      <c r="L3" s="431"/>
      <c r="M3" s="431"/>
      <c r="N3" s="431"/>
      <c r="O3" s="431"/>
      <c r="P3" s="431"/>
      <c r="Q3" s="431"/>
      <c r="R3" s="431"/>
      <c r="S3" s="431"/>
      <c r="T3" s="434"/>
    </row>
    <row r="4" spans="2:20" ht="15" customHeight="1" x14ac:dyDescent="0.25">
      <c r="B4" s="117"/>
      <c r="C4" s="106" t="s">
        <v>184</v>
      </c>
      <c r="K4" s="106" t="s">
        <v>185</v>
      </c>
      <c r="T4" s="116"/>
    </row>
    <row r="5" spans="2:20" ht="24" customHeight="1" x14ac:dyDescent="0.25">
      <c r="B5" s="117"/>
      <c r="K5" s="431" t="s">
        <v>186</v>
      </c>
      <c r="L5" s="431"/>
      <c r="M5" s="431"/>
      <c r="N5" s="431"/>
      <c r="O5" s="431"/>
      <c r="P5" s="431"/>
      <c r="Q5" s="432" t="s">
        <v>187</v>
      </c>
      <c r="R5" s="432"/>
      <c r="S5" s="432"/>
      <c r="T5" s="433"/>
    </row>
    <row r="6" spans="2:20" ht="63.75" customHeight="1" x14ac:dyDescent="0.25">
      <c r="B6" s="117"/>
      <c r="C6" s="107" t="s">
        <v>188</v>
      </c>
      <c r="D6" s="108" t="s">
        <v>0</v>
      </c>
      <c r="E6" s="108" t="s">
        <v>15</v>
      </c>
      <c r="F6" s="108" t="s">
        <v>16</v>
      </c>
      <c r="G6" s="108" t="s">
        <v>17</v>
      </c>
      <c r="H6" s="108" t="s">
        <v>19</v>
      </c>
      <c r="I6" s="109" t="s">
        <v>180</v>
      </c>
      <c r="K6" s="107" t="s">
        <v>188</v>
      </c>
      <c r="L6" s="108" t="s">
        <v>0</v>
      </c>
      <c r="M6" s="108" t="s">
        <v>15</v>
      </c>
      <c r="N6" s="108" t="s">
        <v>17</v>
      </c>
      <c r="O6" s="108" t="s">
        <v>19</v>
      </c>
      <c r="P6" s="109" t="s">
        <v>180</v>
      </c>
      <c r="R6" s="107" t="s">
        <v>189</v>
      </c>
      <c r="S6" s="108" t="s">
        <v>16</v>
      </c>
      <c r="T6" s="116"/>
    </row>
    <row r="7" spans="2:20" ht="9.4" x14ac:dyDescent="0.25">
      <c r="B7" s="117"/>
      <c r="C7" s="110"/>
      <c r="D7" s="110" t="s">
        <v>181</v>
      </c>
      <c r="E7" s="110" t="s">
        <v>181</v>
      </c>
      <c r="F7" s="110" t="s">
        <v>181</v>
      </c>
      <c r="G7" s="110" t="s">
        <v>181</v>
      </c>
      <c r="H7" s="110" t="s">
        <v>181</v>
      </c>
      <c r="I7" s="110" t="s">
        <v>181</v>
      </c>
      <c r="K7" s="110"/>
      <c r="L7" s="110" t="s">
        <v>181</v>
      </c>
      <c r="M7" s="110" t="s">
        <v>181</v>
      </c>
      <c r="N7" s="110" t="s">
        <v>181</v>
      </c>
      <c r="O7" s="110" t="s">
        <v>181</v>
      </c>
      <c r="P7" s="110" t="s">
        <v>181</v>
      </c>
      <c r="R7" s="110"/>
      <c r="S7" s="110" t="s">
        <v>181</v>
      </c>
      <c r="T7" s="116"/>
    </row>
    <row r="8" spans="2:20" ht="18" customHeight="1" x14ac:dyDescent="0.25">
      <c r="B8" s="117"/>
      <c r="C8" s="111">
        <v>20</v>
      </c>
      <c r="D8" s="111">
        <v>1</v>
      </c>
      <c r="E8" s="111">
        <v>1</v>
      </c>
      <c r="F8" s="111">
        <v>1</v>
      </c>
      <c r="G8" s="111">
        <v>1</v>
      </c>
      <c r="H8" s="111">
        <v>1</v>
      </c>
      <c r="I8" s="435" t="s">
        <v>183</v>
      </c>
      <c r="K8" s="111">
        <v>20</v>
      </c>
      <c r="L8" s="111">
        <v>1</v>
      </c>
      <c r="M8" s="111">
        <v>1</v>
      </c>
      <c r="N8" s="111">
        <v>1</v>
      </c>
      <c r="O8" s="111">
        <v>1</v>
      </c>
      <c r="P8" s="435" t="s">
        <v>183</v>
      </c>
      <c r="R8" s="111">
        <v>20</v>
      </c>
      <c r="S8" s="111">
        <v>1</v>
      </c>
      <c r="T8" s="116"/>
    </row>
    <row r="9" spans="2:20" ht="18" customHeight="1" x14ac:dyDescent="0.25">
      <c r="B9" s="117"/>
      <c r="C9" s="112">
        <v>30</v>
      </c>
      <c r="D9" s="112">
        <v>1</v>
      </c>
      <c r="E9" s="112">
        <v>1</v>
      </c>
      <c r="F9" s="112">
        <v>1</v>
      </c>
      <c r="G9" s="112">
        <v>1</v>
      </c>
      <c r="H9" s="112">
        <v>1</v>
      </c>
      <c r="I9" s="430"/>
      <c r="K9" s="112">
        <v>30</v>
      </c>
      <c r="L9" s="112">
        <v>1</v>
      </c>
      <c r="M9" s="112">
        <v>1</v>
      </c>
      <c r="N9" s="112">
        <v>1</v>
      </c>
      <c r="O9" s="112">
        <v>1</v>
      </c>
      <c r="P9" s="430"/>
      <c r="R9" s="112">
        <v>30</v>
      </c>
      <c r="S9" s="112">
        <v>1</v>
      </c>
      <c r="T9" s="116"/>
    </row>
    <row r="10" spans="2:20" ht="18" customHeight="1" x14ac:dyDescent="0.25">
      <c r="B10" s="117"/>
      <c r="C10" s="112">
        <v>40</v>
      </c>
      <c r="D10" s="112">
        <v>1</v>
      </c>
      <c r="E10" s="112">
        <v>1</v>
      </c>
      <c r="F10" s="112">
        <v>2</v>
      </c>
      <c r="G10" s="112">
        <v>1</v>
      </c>
      <c r="H10" s="112">
        <v>1</v>
      </c>
      <c r="I10" s="430"/>
      <c r="K10" s="112">
        <v>40</v>
      </c>
      <c r="L10" s="112">
        <v>1</v>
      </c>
      <c r="M10" s="112">
        <v>1</v>
      </c>
      <c r="N10" s="112">
        <v>1</v>
      </c>
      <c r="O10" s="112">
        <v>1</v>
      </c>
      <c r="P10" s="430"/>
      <c r="R10" s="112">
        <v>40</v>
      </c>
      <c r="S10" s="112">
        <v>2</v>
      </c>
      <c r="T10" s="116"/>
    </row>
    <row r="11" spans="2:20" ht="18" customHeight="1" x14ac:dyDescent="0.25">
      <c r="B11" s="117"/>
      <c r="C11" s="112">
        <v>50</v>
      </c>
      <c r="D11" s="112">
        <v>1</v>
      </c>
      <c r="E11" s="112">
        <v>1</v>
      </c>
      <c r="F11" s="112">
        <v>2</v>
      </c>
      <c r="G11" s="112">
        <v>1</v>
      </c>
      <c r="H11" s="112">
        <v>1</v>
      </c>
      <c r="I11" s="430"/>
      <c r="K11" s="112">
        <v>50</v>
      </c>
      <c r="L11" s="112">
        <v>1</v>
      </c>
      <c r="M11" s="112">
        <v>1</v>
      </c>
      <c r="N11" s="112">
        <v>1</v>
      </c>
      <c r="O11" s="112">
        <v>1</v>
      </c>
      <c r="P11" s="430"/>
      <c r="R11" s="112">
        <v>50</v>
      </c>
      <c r="S11" s="112">
        <v>2</v>
      </c>
      <c r="T11" s="116"/>
    </row>
    <row r="12" spans="2:20" ht="18" customHeight="1" x14ac:dyDescent="0.25">
      <c r="B12" s="117"/>
      <c r="C12" s="112">
        <v>60</v>
      </c>
      <c r="D12" s="112">
        <v>1</v>
      </c>
      <c r="E12" s="112">
        <v>1</v>
      </c>
      <c r="F12" s="112">
        <v>2</v>
      </c>
      <c r="G12" s="112">
        <v>1</v>
      </c>
      <c r="H12" s="112">
        <v>1</v>
      </c>
      <c r="I12" s="430"/>
      <c r="K12" s="112">
        <v>60</v>
      </c>
      <c r="L12" s="112">
        <v>1</v>
      </c>
      <c r="M12" s="112">
        <v>1</v>
      </c>
      <c r="N12" s="112">
        <v>1</v>
      </c>
      <c r="O12" s="112">
        <v>1</v>
      </c>
      <c r="P12" s="430"/>
      <c r="R12" s="112">
        <v>60</v>
      </c>
      <c r="S12" s="112">
        <v>2</v>
      </c>
      <c r="T12" s="116"/>
    </row>
    <row r="13" spans="2:20" ht="18" customHeight="1" x14ac:dyDescent="0.25">
      <c r="B13" s="117"/>
      <c r="C13" s="112">
        <v>70</v>
      </c>
      <c r="D13" s="112">
        <v>1</v>
      </c>
      <c r="E13" s="112">
        <v>1</v>
      </c>
      <c r="F13" s="112">
        <v>2</v>
      </c>
      <c r="G13" s="112">
        <v>1</v>
      </c>
      <c r="H13" s="112">
        <v>1</v>
      </c>
      <c r="I13" s="430"/>
      <c r="K13" s="112">
        <v>70</v>
      </c>
      <c r="L13" s="112">
        <v>1</v>
      </c>
      <c r="M13" s="112">
        <v>1</v>
      </c>
      <c r="N13" s="112">
        <v>1</v>
      </c>
      <c r="O13" s="112">
        <v>1</v>
      </c>
      <c r="P13" s="430"/>
      <c r="R13" s="112">
        <v>70</v>
      </c>
      <c r="S13" s="112">
        <v>2</v>
      </c>
      <c r="T13" s="116"/>
    </row>
    <row r="14" spans="2:20" ht="18" customHeight="1" x14ac:dyDescent="0.25">
      <c r="B14" s="117"/>
      <c r="C14" s="112">
        <v>80</v>
      </c>
      <c r="D14" s="112">
        <v>1</v>
      </c>
      <c r="E14" s="112">
        <v>1</v>
      </c>
      <c r="F14" s="112">
        <v>2</v>
      </c>
      <c r="G14" s="112">
        <v>1</v>
      </c>
      <c r="H14" s="112">
        <v>1</v>
      </c>
      <c r="I14" s="430"/>
      <c r="K14" s="112">
        <v>80</v>
      </c>
      <c r="L14" s="112">
        <v>1</v>
      </c>
      <c r="M14" s="112">
        <v>1</v>
      </c>
      <c r="N14" s="112">
        <v>1</v>
      </c>
      <c r="O14" s="112">
        <v>1</v>
      </c>
      <c r="P14" s="430"/>
      <c r="R14" s="112">
        <v>80</v>
      </c>
      <c r="S14" s="112">
        <v>2</v>
      </c>
      <c r="T14" s="116"/>
    </row>
    <row r="15" spans="2:20" ht="18" customHeight="1" x14ac:dyDescent="0.25">
      <c r="B15" s="117"/>
      <c r="C15" s="112">
        <v>90</v>
      </c>
      <c r="D15" s="112">
        <v>1</v>
      </c>
      <c r="E15" s="112">
        <v>1</v>
      </c>
      <c r="F15" s="430" t="s">
        <v>182</v>
      </c>
      <c r="G15" s="112">
        <v>1</v>
      </c>
      <c r="H15" s="112">
        <v>1</v>
      </c>
      <c r="I15" s="430"/>
      <c r="K15" s="112">
        <v>90</v>
      </c>
      <c r="L15" s="112">
        <v>1</v>
      </c>
      <c r="M15" s="112">
        <v>1</v>
      </c>
      <c r="N15" s="112">
        <v>1</v>
      </c>
      <c r="O15" s="112">
        <v>1</v>
      </c>
      <c r="P15" s="430"/>
      <c r="R15" s="112">
        <v>90</v>
      </c>
      <c r="S15" s="430" t="s">
        <v>182</v>
      </c>
      <c r="T15" s="116"/>
    </row>
    <row r="16" spans="2:20" ht="18" customHeight="1" x14ac:dyDescent="0.25">
      <c r="B16" s="117"/>
      <c r="C16" s="112">
        <v>100</v>
      </c>
      <c r="D16" s="112">
        <v>1</v>
      </c>
      <c r="E16" s="112">
        <v>1</v>
      </c>
      <c r="F16" s="430"/>
      <c r="G16" s="112">
        <v>1</v>
      </c>
      <c r="H16" s="112">
        <v>1</v>
      </c>
      <c r="I16" s="430"/>
      <c r="K16" s="112">
        <v>100</v>
      </c>
      <c r="L16" s="112">
        <v>1</v>
      </c>
      <c r="M16" s="112">
        <v>1</v>
      </c>
      <c r="N16" s="112">
        <v>1</v>
      </c>
      <c r="O16" s="112">
        <v>1</v>
      </c>
      <c r="P16" s="430"/>
      <c r="R16" s="112">
        <v>100</v>
      </c>
      <c r="S16" s="430"/>
      <c r="T16" s="116"/>
    </row>
    <row r="17" spans="2:20" ht="18" customHeight="1" x14ac:dyDescent="0.25">
      <c r="B17" s="117"/>
      <c r="C17" s="112">
        <v>110</v>
      </c>
      <c r="D17" s="112">
        <v>1</v>
      </c>
      <c r="E17" s="112">
        <v>1</v>
      </c>
      <c r="F17" s="430"/>
      <c r="G17" s="112">
        <v>1</v>
      </c>
      <c r="H17" s="112">
        <v>1</v>
      </c>
      <c r="I17" s="430"/>
      <c r="K17" s="112">
        <v>110</v>
      </c>
      <c r="L17" s="112">
        <v>1</v>
      </c>
      <c r="M17" s="112">
        <v>1</v>
      </c>
      <c r="N17" s="112">
        <v>1</v>
      </c>
      <c r="O17" s="112">
        <v>1</v>
      </c>
      <c r="P17" s="430"/>
      <c r="R17" s="112">
        <v>110</v>
      </c>
      <c r="S17" s="430"/>
      <c r="T17" s="116"/>
    </row>
    <row r="18" spans="2:20" ht="18" customHeight="1" x14ac:dyDescent="0.25">
      <c r="B18" s="117"/>
      <c r="C18" s="112">
        <v>120</v>
      </c>
      <c r="D18" s="112">
        <v>1</v>
      </c>
      <c r="E18" s="112">
        <v>1</v>
      </c>
      <c r="F18" s="430"/>
      <c r="G18" s="112">
        <v>1</v>
      </c>
      <c r="H18" s="112">
        <v>1</v>
      </c>
      <c r="I18" s="430"/>
      <c r="K18" s="112">
        <v>120</v>
      </c>
      <c r="L18" s="112">
        <v>1</v>
      </c>
      <c r="M18" s="112">
        <v>1</v>
      </c>
      <c r="N18" s="112">
        <v>1</v>
      </c>
      <c r="O18" s="112">
        <v>1</v>
      </c>
      <c r="P18" s="430"/>
      <c r="R18" s="112">
        <v>120</v>
      </c>
      <c r="S18" s="430"/>
      <c r="T18" s="116"/>
    </row>
    <row r="19" spans="2:20" ht="18" customHeight="1" x14ac:dyDescent="0.25">
      <c r="B19" s="117"/>
      <c r="C19" s="112">
        <v>130</v>
      </c>
      <c r="D19" s="112">
        <v>1</v>
      </c>
      <c r="E19" s="112">
        <v>2</v>
      </c>
      <c r="F19" s="430"/>
      <c r="G19" s="112">
        <v>1</v>
      </c>
      <c r="H19" s="112">
        <v>1</v>
      </c>
      <c r="I19" s="430"/>
      <c r="K19" s="112">
        <v>130</v>
      </c>
      <c r="L19" s="112">
        <v>1</v>
      </c>
      <c r="M19" s="112">
        <v>2</v>
      </c>
      <c r="N19" s="112">
        <v>1</v>
      </c>
      <c r="O19" s="112">
        <v>1</v>
      </c>
      <c r="P19" s="430"/>
      <c r="R19" s="112">
        <v>130</v>
      </c>
      <c r="S19" s="430"/>
      <c r="T19" s="116"/>
    </row>
    <row r="20" spans="2:20" ht="18" customHeight="1" x14ac:dyDescent="0.25">
      <c r="B20" s="117"/>
      <c r="C20" s="112">
        <v>140</v>
      </c>
      <c r="D20" s="112">
        <v>1</v>
      </c>
      <c r="E20" s="112">
        <v>2</v>
      </c>
      <c r="F20" s="430"/>
      <c r="G20" s="112">
        <v>1</v>
      </c>
      <c r="H20" s="112">
        <v>1</v>
      </c>
      <c r="I20" s="430"/>
      <c r="K20" s="112">
        <v>140</v>
      </c>
      <c r="L20" s="112">
        <v>1</v>
      </c>
      <c r="M20" s="112">
        <v>2</v>
      </c>
      <c r="N20" s="112">
        <v>1</v>
      </c>
      <c r="O20" s="112">
        <v>1</v>
      </c>
      <c r="P20" s="430"/>
      <c r="R20" s="112">
        <v>140</v>
      </c>
      <c r="S20" s="430"/>
      <c r="T20" s="116"/>
    </row>
    <row r="21" spans="2:20" ht="18" customHeight="1" x14ac:dyDescent="0.25">
      <c r="B21" s="117"/>
      <c r="C21" s="112">
        <v>150</v>
      </c>
      <c r="D21" s="112">
        <v>1</v>
      </c>
      <c r="E21" s="112">
        <v>2</v>
      </c>
      <c r="F21" s="430"/>
      <c r="G21" s="112">
        <v>1</v>
      </c>
      <c r="H21" s="112">
        <v>1</v>
      </c>
      <c r="I21" s="430"/>
      <c r="K21" s="112">
        <v>150</v>
      </c>
      <c r="L21" s="112">
        <v>1</v>
      </c>
      <c r="M21" s="112">
        <v>2</v>
      </c>
      <c r="N21" s="112">
        <v>1</v>
      </c>
      <c r="O21" s="112">
        <v>1</v>
      </c>
      <c r="P21" s="430"/>
      <c r="R21" s="112">
        <v>150</v>
      </c>
      <c r="S21" s="430"/>
      <c r="T21" s="116"/>
    </row>
    <row r="22" spans="2:20" ht="9" customHeight="1" x14ac:dyDescent="0.25">
      <c r="B22" s="121"/>
      <c r="C22" s="118"/>
      <c r="D22" s="118"/>
      <c r="E22" s="118"/>
      <c r="F22" s="118"/>
      <c r="G22" s="118"/>
      <c r="H22" s="118"/>
      <c r="I22" s="118"/>
      <c r="J22" s="118"/>
      <c r="K22" s="118"/>
      <c r="L22" s="118"/>
      <c r="M22" s="118"/>
      <c r="N22" s="118"/>
      <c r="O22" s="118"/>
      <c r="P22" s="118"/>
      <c r="Q22" s="118"/>
      <c r="R22" s="118"/>
      <c r="S22" s="118"/>
      <c r="T22" s="119"/>
    </row>
  </sheetData>
  <mergeCells count="7">
    <mergeCell ref="S15:S21"/>
    <mergeCell ref="K5:P5"/>
    <mergeCell ref="Q5:T5"/>
    <mergeCell ref="C3:T3"/>
    <mergeCell ref="P8:P21"/>
    <mergeCell ref="F15:F21"/>
    <mergeCell ref="I8:I21"/>
  </mergeCells>
  <phoneticPr fontId="1"/>
  <pageMargins left="0.7" right="0.7" top="0.75" bottom="0.75" header="0.3" footer="0.3"/>
  <pageSetup paperSize="9" orientation="portrai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H43"/>
  <sheetViews>
    <sheetView zoomScaleNormal="100" workbookViewId="0">
      <selection activeCell="F21" sqref="F21"/>
    </sheetView>
  </sheetViews>
  <sheetFormatPr defaultColWidth="9" defaultRowHeight="18" customHeight="1" x14ac:dyDescent="0.25"/>
  <cols>
    <col min="1" max="1" width="4.46484375" style="143" customWidth="1"/>
    <col min="2" max="2" width="13.86328125" style="39" bestFit="1" customWidth="1"/>
    <col min="3" max="3" width="5" style="143" customWidth="1"/>
    <col min="4" max="4" width="14.265625" style="144" customWidth="1"/>
    <col min="5" max="5" width="4.46484375" style="143" customWidth="1"/>
    <col min="6" max="6" width="13.86328125" style="39" bestFit="1" customWidth="1"/>
    <col min="7" max="7" width="5" style="143" customWidth="1"/>
    <col min="8" max="8" width="14.265625" style="144" customWidth="1"/>
    <col min="9" max="16384" width="9" style="143"/>
  </cols>
  <sheetData>
    <row r="1" spans="1:8" ht="18" customHeight="1" x14ac:dyDescent="0.25">
      <c r="A1" s="142" t="s">
        <v>388</v>
      </c>
      <c r="E1" s="145"/>
    </row>
    <row r="2" spans="1:8" ht="18" customHeight="1" x14ac:dyDescent="0.25">
      <c r="A2" s="146" t="s">
        <v>389</v>
      </c>
    </row>
    <row r="3" spans="1:8" ht="18" customHeight="1" x14ac:dyDescent="0.25">
      <c r="A3" s="147" t="s">
        <v>390</v>
      </c>
      <c r="B3" s="148" t="s">
        <v>391</v>
      </c>
      <c r="C3" s="149" t="s">
        <v>392</v>
      </c>
      <c r="D3" s="150" t="s">
        <v>393</v>
      </c>
      <c r="E3" s="151" t="s">
        <v>390</v>
      </c>
      <c r="F3" s="152" t="s">
        <v>391</v>
      </c>
      <c r="G3" s="149" t="s">
        <v>392</v>
      </c>
      <c r="H3" s="153" t="s">
        <v>393</v>
      </c>
    </row>
    <row r="4" spans="1:8" ht="18" customHeight="1" x14ac:dyDescent="0.25">
      <c r="A4" s="154">
        <v>1</v>
      </c>
      <c r="B4" s="155"/>
      <c r="C4" s="156"/>
      <c r="D4" s="157"/>
      <c r="E4" s="158">
        <v>41</v>
      </c>
      <c r="F4" s="159"/>
      <c r="G4" s="156"/>
      <c r="H4" s="160"/>
    </row>
    <row r="5" spans="1:8" ht="18" customHeight="1" x14ac:dyDescent="0.25">
      <c r="A5" s="161">
        <v>2</v>
      </c>
      <c r="B5" s="162"/>
      <c r="C5" s="163"/>
      <c r="D5" s="164"/>
      <c r="E5" s="165">
        <v>42</v>
      </c>
      <c r="F5" s="166"/>
      <c r="G5" s="163"/>
      <c r="H5" s="167"/>
    </row>
    <row r="6" spans="1:8" ht="18" customHeight="1" x14ac:dyDescent="0.25">
      <c r="A6" s="161">
        <v>3</v>
      </c>
      <c r="B6" s="162"/>
      <c r="C6" s="163"/>
      <c r="D6" s="164"/>
      <c r="E6" s="165">
        <v>43</v>
      </c>
      <c r="F6" s="166"/>
      <c r="G6" s="163"/>
      <c r="H6" s="167"/>
    </row>
    <row r="7" spans="1:8" ht="18" customHeight="1" x14ac:dyDescent="0.25">
      <c r="A7" s="161">
        <v>4</v>
      </c>
      <c r="B7" s="162"/>
      <c r="C7" s="163"/>
      <c r="D7" s="164"/>
      <c r="E7" s="165">
        <v>44</v>
      </c>
      <c r="F7" s="166"/>
      <c r="G7" s="163"/>
      <c r="H7" s="167"/>
    </row>
    <row r="8" spans="1:8" ht="18" customHeight="1" x14ac:dyDescent="0.25">
      <c r="A8" s="161">
        <v>5</v>
      </c>
      <c r="B8" s="162"/>
      <c r="C8" s="163"/>
      <c r="D8" s="164"/>
      <c r="E8" s="165">
        <v>45</v>
      </c>
      <c r="F8" s="166"/>
      <c r="G8" s="163"/>
      <c r="H8" s="167"/>
    </row>
    <row r="9" spans="1:8" ht="18" customHeight="1" x14ac:dyDescent="0.25">
      <c r="A9" s="161">
        <v>6</v>
      </c>
      <c r="B9" s="162"/>
      <c r="C9" s="163"/>
      <c r="D9" s="164"/>
      <c r="E9" s="165">
        <v>46</v>
      </c>
      <c r="F9" s="166"/>
      <c r="G9" s="163"/>
      <c r="H9" s="167"/>
    </row>
    <row r="10" spans="1:8" ht="18" customHeight="1" x14ac:dyDescent="0.25">
      <c r="A10" s="161">
        <v>7</v>
      </c>
      <c r="B10" s="162"/>
      <c r="C10" s="163"/>
      <c r="D10" s="164"/>
      <c r="E10" s="165">
        <v>47</v>
      </c>
      <c r="F10" s="166"/>
      <c r="G10" s="163"/>
      <c r="H10" s="167"/>
    </row>
    <row r="11" spans="1:8" ht="18" customHeight="1" x14ac:dyDescent="0.25">
      <c r="A11" s="161">
        <v>8</v>
      </c>
      <c r="B11" s="162"/>
      <c r="C11" s="163"/>
      <c r="D11" s="164"/>
      <c r="E11" s="165">
        <v>48</v>
      </c>
      <c r="F11" s="166"/>
      <c r="G11" s="163"/>
      <c r="H11" s="167"/>
    </row>
    <row r="12" spans="1:8" ht="18" customHeight="1" x14ac:dyDescent="0.25">
      <c r="A12" s="161">
        <v>9</v>
      </c>
      <c r="B12" s="162"/>
      <c r="C12" s="163"/>
      <c r="D12" s="164"/>
      <c r="E12" s="165">
        <v>49</v>
      </c>
      <c r="F12" s="166"/>
      <c r="G12" s="163"/>
      <c r="H12" s="167"/>
    </row>
    <row r="13" spans="1:8" ht="18" customHeight="1" x14ac:dyDescent="0.25">
      <c r="A13" s="161">
        <v>10</v>
      </c>
      <c r="B13" s="162"/>
      <c r="C13" s="163"/>
      <c r="D13" s="164"/>
      <c r="E13" s="165">
        <v>50</v>
      </c>
      <c r="F13" s="166"/>
      <c r="G13" s="163"/>
      <c r="H13" s="167"/>
    </row>
    <row r="14" spans="1:8" ht="18" customHeight="1" x14ac:dyDescent="0.25">
      <c r="A14" s="161">
        <v>11</v>
      </c>
      <c r="B14" s="162"/>
      <c r="C14" s="163"/>
      <c r="D14" s="164"/>
      <c r="E14" s="165">
        <v>51</v>
      </c>
      <c r="F14" s="166"/>
      <c r="G14" s="163"/>
      <c r="H14" s="167"/>
    </row>
    <row r="15" spans="1:8" ht="18" customHeight="1" x14ac:dyDescent="0.25">
      <c r="A15" s="161">
        <v>12</v>
      </c>
      <c r="B15" s="162"/>
      <c r="C15" s="163"/>
      <c r="D15" s="164"/>
      <c r="E15" s="165">
        <v>52</v>
      </c>
      <c r="F15" s="166"/>
      <c r="G15" s="163"/>
      <c r="H15" s="167"/>
    </row>
    <row r="16" spans="1:8" ht="18" customHeight="1" x14ac:dyDescent="0.25">
      <c r="A16" s="161">
        <v>13</v>
      </c>
      <c r="B16" s="162"/>
      <c r="C16" s="163"/>
      <c r="D16" s="164"/>
      <c r="E16" s="165">
        <v>53</v>
      </c>
      <c r="F16" s="166"/>
      <c r="G16" s="163"/>
      <c r="H16" s="167"/>
    </row>
    <row r="17" spans="1:8" ht="18" customHeight="1" x14ac:dyDescent="0.25">
      <c r="A17" s="161">
        <v>14</v>
      </c>
      <c r="B17" s="162"/>
      <c r="C17" s="163"/>
      <c r="D17" s="164"/>
      <c r="E17" s="165">
        <v>54</v>
      </c>
      <c r="F17" s="166"/>
      <c r="G17" s="163"/>
      <c r="H17" s="167"/>
    </row>
    <row r="18" spans="1:8" ht="18" customHeight="1" x14ac:dyDescent="0.25">
      <c r="A18" s="161">
        <v>15</v>
      </c>
      <c r="B18" s="162"/>
      <c r="C18" s="163"/>
      <c r="D18" s="164"/>
      <c r="E18" s="165">
        <v>55</v>
      </c>
      <c r="F18" s="166"/>
      <c r="G18" s="163"/>
      <c r="H18" s="167"/>
    </row>
    <row r="19" spans="1:8" ht="18" customHeight="1" x14ac:dyDescent="0.25">
      <c r="A19" s="161">
        <v>16</v>
      </c>
      <c r="B19" s="162"/>
      <c r="C19" s="163"/>
      <c r="D19" s="164"/>
      <c r="E19" s="165">
        <v>56</v>
      </c>
      <c r="F19" s="166"/>
      <c r="G19" s="163"/>
      <c r="H19" s="167"/>
    </row>
    <row r="20" spans="1:8" ht="18" customHeight="1" x14ac:dyDescent="0.25">
      <c r="A20" s="161">
        <v>17</v>
      </c>
      <c r="B20" s="162"/>
      <c r="C20" s="163"/>
      <c r="D20" s="164"/>
      <c r="E20" s="165">
        <v>57</v>
      </c>
      <c r="F20" s="166"/>
      <c r="G20" s="163"/>
      <c r="H20" s="167"/>
    </row>
    <row r="21" spans="1:8" ht="18" customHeight="1" x14ac:dyDescent="0.25">
      <c r="A21" s="161">
        <v>18</v>
      </c>
      <c r="B21" s="162"/>
      <c r="C21" s="163"/>
      <c r="D21" s="164"/>
      <c r="E21" s="165">
        <v>58</v>
      </c>
      <c r="F21" s="166"/>
      <c r="G21" s="163"/>
      <c r="H21" s="167"/>
    </row>
    <row r="22" spans="1:8" ht="18" customHeight="1" x14ac:dyDescent="0.25">
      <c r="A22" s="161">
        <v>19</v>
      </c>
      <c r="B22" s="162"/>
      <c r="C22" s="163"/>
      <c r="D22" s="164"/>
      <c r="E22" s="165">
        <v>59</v>
      </c>
      <c r="F22" s="166"/>
      <c r="G22" s="163"/>
      <c r="H22" s="167"/>
    </row>
    <row r="23" spans="1:8" ht="18" customHeight="1" x14ac:dyDescent="0.25">
      <c r="A23" s="161">
        <v>20</v>
      </c>
      <c r="B23" s="162"/>
      <c r="C23" s="163"/>
      <c r="D23" s="164"/>
      <c r="E23" s="165">
        <v>60</v>
      </c>
      <c r="F23" s="166"/>
      <c r="G23" s="163"/>
      <c r="H23" s="167"/>
    </row>
    <row r="24" spans="1:8" ht="18" customHeight="1" x14ac:dyDescent="0.25">
      <c r="A24" s="161">
        <v>21</v>
      </c>
      <c r="B24" s="162"/>
      <c r="C24" s="163"/>
      <c r="D24" s="164"/>
      <c r="E24" s="165">
        <v>61</v>
      </c>
      <c r="F24" s="166"/>
      <c r="G24" s="163"/>
      <c r="H24" s="167"/>
    </row>
    <row r="25" spans="1:8" ht="18" customHeight="1" x14ac:dyDescent="0.25">
      <c r="A25" s="161">
        <v>22</v>
      </c>
      <c r="B25" s="162"/>
      <c r="C25" s="163"/>
      <c r="D25" s="164"/>
      <c r="E25" s="165">
        <v>62</v>
      </c>
      <c r="F25" s="166"/>
      <c r="G25" s="163"/>
      <c r="H25" s="167"/>
    </row>
    <row r="26" spans="1:8" ht="18" customHeight="1" x14ac:dyDescent="0.25">
      <c r="A26" s="161">
        <v>23</v>
      </c>
      <c r="B26" s="162"/>
      <c r="C26" s="163"/>
      <c r="D26" s="164"/>
      <c r="E26" s="165">
        <v>63</v>
      </c>
      <c r="F26" s="166"/>
      <c r="G26" s="163"/>
      <c r="H26" s="167"/>
    </row>
    <row r="27" spans="1:8" ht="18" customHeight="1" x14ac:dyDescent="0.25">
      <c r="A27" s="161">
        <v>24</v>
      </c>
      <c r="B27" s="162"/>
      <c r="C27" s="163"/>
      <c r="D27" s="164"/>
      <c r="E27" s="165">
        <v>64</v>
      </c>
      <c r="F27" s="166"/>
      <c r="G27" s="163"/>
      <c r="H27" s="167"/>
    </row>
    <row r="28" spans="1:8" ht="18" customHeight="1" x14ac:dyDescent="0.25">
      <c r="A28" s="161">
        <v>25</v>
      </c>
      <c r="B28" s="162"/>
      <c r="C28" s="163"/>
      <c r="D28" s="164"/>
      <c r="E28" s="165">
        <v>65</v>
      </c>
      <c r="F28" s="166"/>
      <c r="G28" s="163"/>
      <c r="H28" s="167"/>
    </row>
    <row r="29" spans="1:8" ht="18" customHeight="1" x14ac:dyDescent="0.25">
      <c r="A29" s="161">
        <v>26</v>
      </c>
      <c r="B29" s="162"/>
      <c r="C29" s="163"/>
      <c r="D29" s="164"/>
      <c r="E29" s="165">
        <v>66</v>
      </c>
      <c r="F29" s="166"/>
      <c r="G29" s="163"/>
      <c r="H29" s="167"/>
    </row>
    <row r="30" spans="1:8" ht="18" customHeight="1" x14ac:dyDescent="0.25">
      <c r="A30" s="161">
        <v>27</v>
      </c>
      <c r="B30" s="162"/>
      <c r="C30" s="163"/>
      <c r="D30" s="164"/>
      <c r="E30" s="165">
        <v>67</v>
      </c>
      <c r="F30" s="166"/>
      <c r="G30" s="163"/>
      <c r="H30" s="167"/>
    </row>
    <row r="31" spans="1:8" ht="18" customHeight="1" x14ac:dyDescent="0.25">
      <c r="A31" s="161">
        <v>28</v>
      </c>
      <c r="B31" s="162"/>
      <c r="C31" s="163"/>
      <c r="D31" s="164"/>
      <c r="E31" s="165">
        <v>68</v>
      </c>
      <c r="F31" s="166"/>
      <c r="G31" s="163"/>
      <c r="H31" s="167"/>
    </row>
    <row r="32" spans="1:8" ht="18" customHeight="1" x14ac:dyDescent="0.25">
      <c r="A32" s="161">
        <v>29</v>
      </c>
      <c r="B32" s="162"/>
      <c r="C32" s="163"/>
      <c r="D32" s="164"/>
      <c r="E32" s="165">
        <v>69</v>
      </c>
      <c r="F32" s="166"/>
      <c r="G32" s="163"/>
      <c r="H32" s="167"/>
    </row>
    <row r="33" spans="1:8" ht="18" customHeight="1" x14ac:dyDescent="0.25">
      <c r="A33" s="161">
        <v>30</v>
      </c>
      <c r="B33" s="162"/>
      <c r="C33" s="163"/>
      <c r="D33" s="164"/>
      <c r="E33" s="165">
        <v>70</v>
      </c>
      <c r="F33" s="166"/>
      <c r="G33" s="163"/>
      <c r="H33" s="167"/>
    </row>
    <row r="34" spans="1:8" ht="18" customHeight="1" x14ac:dyDescent="0.25">
      <c r="A34" s="161">
        <v>31</v>
      </c>
      <c r="B34" s="162"/>
      <c r="C34" s="163"/>
      <c r="D34" s="164"/>
      <c r="E34" s="165">
        <v>71</v>
      </c>
      <c r="F34" s="166"/>
      <c r="G34" s="163"/>
      <c r="H34" s="167"/>
    </row>
    <row r="35" spans="1:8" ht="18" customHeight="1" x14ac:dyDescent="0.25">
      <c r="A35" s="161">
        <v>32</v>
      </c>
      <c r="B35" s="162"/>
      <c r="C35" s="163"/>
      <c r="D35" s="164"/>
      <c r="E35" s="165">
        <v>72</v>
      </c>
      <c r="F35" s="166"/>
      <c r="G35" s="163"/>
      <c r="H35" s="167"/>
    </row>
    <row r="36" spans="1:8" ht="18" customHeight="1" x14ac:dyDescent="0.25">
      <c r="A36" s="161">
        <v>33</v>
      </c>
      <c r="B36" s="162"/>
      <c r="C36" s="163"/>
      <c r="D36" s="164"/>
      <c r="E36" s="165">
        <v>73</v>
      </c>
      <c r="F36" s="166"/>
      <c r="G36" s="163"/>
      <c r="H36" s="167"/>
    </row>
    <row r="37" spans="1:8" ht="18" customHeight="1" x14ac:dyDescent="0.25">
      <c r="A37" s="161">
        <v>34</v>
      </c>
      <c r="B37" s="162"/>
      <c r="C37" s="163"/>
      <c r="D37" s="164"/>
      <c r="E37" s="165">
        <v>74</v>
      </c>
      <c r="F37" s="166"/>
      <c r="G37" s="163"/>
      <c r="H37" s="167"/>
    </row>
    <row r="38" spans="1:8" ht="18" customHeight="1" x14ac:dyDescent="0.25">
      <c r="A38" s="161">
        <v>35</v>
      </c>
      <c r="B38" s="162"/>
      <c r="C38" s="163"/>
      <c r="D38" s="164"/>
      <c r="E38" s="165">
        <v>75</v>
      </c>
      <c r="F38" s="166"/>
      <c r="G38" s="163"/>
      <c r="H38" s="167"/>
    </row>
    <row r="39" spans="1:8" ht="18" customHeight="1" x14ac:dyDescent="0.25">
      <c r="A39" s="161">
        <v>36</v>
      </c>
      <c r="B39" s="162"/>
      <c r="C39" s="163"/>
      <c r="D39" s="164"/>
      <c r="E39" s="165">
        <v>76</v>
      </c>
      <c r="F39" s="166"/>
      <c r="G39" s="163"/>
      <c r="H39" s="167"/>
    </row>
    <row r="40" spans="1:8" ht="18" customHeight="1" x14ac:dyDescent="0.25">
      <c r="A40" s="161">
        <v>37</v>
      </c>
      <c r="B40" s="162"/>
      <c r="C40" s="163"/>
      <c r="D40" s="164"/>
      <c r="E40" s="165">
        <v>77</v>
      </c>
      <c r="F40" s="166"/>
      <c r="G40" s="163"/>
      <c r="H40" s="167"/>
    </row>
    <row r="41" spans="1:8" ht="18" customHeight="1" x14ac:dyDescent="0.25">
      <c r="A41" s="161">
        <v>38</v>
      </c>
      <c r="B41" s="162"/>
      <c r="C41" s="163"/>
      <c r="D41" s="164"/>
      <c r="E41" s="165">
        <v>78</v>
      </c>
      <c r="F41" s="166"/>
      <c r="G41" s="163"/>
      <c r="H41" s="167"/>
    </row>
    <row r="42" spans="1:8" ht="18" customHeight="1" x14ac:dyDescent="0.25">
      <c r="A42" s="161">
        <v>39</v>
      </c>
      <c r="B42" s="162"/>
      <c r="C42" s="163"/>
      <c r="D42" s="164"/>
      <c r="E42" s="165">
        <v>79</v>
      </c>
      <c r="F42" s="166"/>
      <c r="G42" s="163"/>
      <c r="H42" s="167"/>
    </row>
    <row r="43" spans="1:8" ht="18" customHeight="1" x14ac:dyDescent="0.25">
      <c r="A43" s="168">
        <v>40</v>
      </c>
      <c r="B43" s="169"/>
      <c r="C43" s="170"/>
      <c r="D43" s="171"/>
      <c r="E43" s="172">
        <v>80</v>
      </c>
      <c r="F43" s="173"/>
      <c r="G43" s="170"/>
      <c r="H43" s="174"/>
    </row>
  </sheetData>
  <sheetProtection sheet="1" objects="1" scenarios="1" selectLockedCells="1"/>
  <phoneticPr fontId="1"/>
  <pageMargins left="0.98425196850393704" right="0.98425196850393704" top="0.78740157480314965" bottom="0.39370078740157483" header="0.31496062992125984" footer="0.19685039370078741"/>
  <pageSetup paperSize="9" orientation="portrait" horizontalDpi="300" verticalDpi="30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H23"/>
  <sheetViews>
    <sheetView workbookViewId="0">
      <selection activeCell="E15" sqref="E15"/>
    </sheetView>
  </sheetViews>
  <sheetFormatPr defaultColWidth="9" defaultRowHeight="22.5" customHeight="1" x14ac:dyDescent="0.25"/>
  <cols>
    <col min="1" max="2" width="6" style="39" bestFit="1" customWidth="1"/>
    <col min="3" max="8" width="11.46484375" style="39" customWidth="1"/>
    <col min="9" max="16384" width="9" style="39"/>
  </cols>
  <sheetData>
    <row r="1" spans="1:8" ht="22.5" customHeight="1" x14ac:dyDescent="0.25">
      <c r="A1" s="175" t="s">
        <v>394</v>
      </c>
    </row>
    <row r="2" spans="1:8" ht="22.5" customHeight="1" x14ac:dyDescent="0.25">
      <c r="A2" s="176" t="s">
        <v>389</v>
      </c>
    </row>
    <row r="3" spans="1:8" ht="22.5" customHeight="1" x14ac:dyDescent="0.25">
      <c r="A3" s="436" t="s">
        <v>395</v>
      </c>
      <c r="B3" s="309" t="s">
        <v>396</v>
      </c>
      <c r="C3" s="436" t="s">
        <v>397</v>
      </c>
      <c r="D3" s="439"/>
      <c r="E3" s="440" t="s">
        <v>398</v>
      </c>
      <c r="F3" s="441"/>
      <c r="G3" s="436" t="s">
        <v>399</v>
      </c>
      <c r="H3" s="439"/>
    </row>
    <row r="4" spans="1:8" s="41" customFormat="1" ht="22.5" customHeight="1" x14ac:dyDescent="0.25">
      <c r="A4" s="437"/>
      <c r="B4" s="438"/>
      <c r="C4" s="177" t="s">
        <v>400</v>
      </c>
      <c r="D4" s="178" t="s">
        <v>401</v>
      </c>
      <c r="E4" s="179" t="s">
        <v>402</v>
      </c>
      <c r="F4" s="180" t="s">
        <v>403</v>
      </c>
      <c r="G4" s="177" t="s">
        <v>404</v>
      </c>
      <c r="H4" s="178" t="s">
        <v>405</v>
      </c>
    </row>
    <row r="5" spans="1:8" ht="22.5" customHeight="1" x14ac:dyDescent="0.25">
      <c r="A5" s="181" t="s">
        <v>406</v>
      </c>
      <c r="B5" s="182">
        <v>30</v>
      </c>
      <c r="C5" s="183"/>
      <c r="D5" s="184" t="str">
        <f t="shared" ref="D5:F17" si="0">IF(C5="","",ROUNDUP(C5/$B5,1))</f>
        <v/>
      </c>
      <c r="E5" s="185"/>
      <c r="F5" s="186" t="str">
        <f t="shared" si="0"/>
        <v/>
      </c>
      <c r="G5" s="187" t="str">
        <f t="shared" ref="G5:G16" si="1">IF(C5+E5=0,"",C5+E5)</f>
        <v/>
      </c>
      <c r="H5" s="184" t="str">
        <f t="shared" ref="H5:H17" si="2">IF(G5="","",ROUNDUP(G5/$B5,1))</f>
        <v/>
      </c>
    </row>
    <row r="6" spans="1:8" ht="22.5" customHeight="1" x14ac:dyDescent="0.25">
      <c r="A6" s="188" t="s">
        <v>407</v>
      </c>
      <c r="B6" s="189">
        <v>31</v>
      </c>
      <c r="C6" s="190"/>
      <c r="D6" s="191" t="str">
        <f t="shared" si="0"/>
        <v/>
      </c>
      <c r="E6" s="192"/>
      <c r="F6" s="193" t="str">
        <f t="shared" si="0"/>
        <v/>
      </c>
      <c r="G6" s="194" t="str">
        <f t="shared" si="1"/>
        <v/>
      </c>
      <c r="H6" s="191" t="str">
        <f t="shared" si="2"/>
        <v/>
      </c>
    </row>
    <row r="7" spans="1:8" ht="22.5" customHeight="1" x14ac:dyDescent="0.25">
      <c r="A7" s="188" t="s">
        <v>408</v>
      </c>
      <c r="B7" s="189">
        <v>30</v>
      </c>
      <c r="C7" s="190"/>
      <c r="D7" s="191" t="str">
        <f t="shared" si="0"/>
        <v/>
      </c>
      <c r="E7" s="192"/>
      <c r="F7" s="193" t="str">
        <f t="shared" si="0"/>
        <v/>
      </c>
      <c r="G7" s="194" t="str">
        <f t="shared" si="1"/>
        <v/>
      </c>
      <c r="H7" s="191" t="str">
        <f t="shared" si="2"/>
        <v/>
      </c>
    </row>
    <row r="8" spans="1:8" ht="22.5" customHeight="1" x14ac:dyDescent="0.25">
      <c r="A8" s="188" t="s">
        <v>409</v>
      </c>
      <c r="B8" s="189">
        <v>31</v>
      </c>
      <c r="C8" s="190"/>
      <c r="D8" s="191" t="str">
        <f t="shared" si="0"/>
        <v/>
      </c>
      <c r="E8" s="192"/>
      <c r="F8" s="193" t="str">
        <f t="shared" si="0"/>
        <v/>
      </c>
      <c r="G8" s="194" t="str">
        <f t="shared" si="1"/>
        <v/>
      </c>
      <c r="H8" s="191" t="str">
        <f t="shared" si="2"/>
        <v/>
      </c>
    </row>
    <row r="9" spans="1:8" ht="22.5" customHeight="1" x14ac:dyDescent="0.25">
      <c r="A9" s="188" t="s">
        <v>410</v>
      </c>
      <c r="B9" s="189">
        <v>31</v>
      </c>
      <c r="C9" s="190"/>
      <c r="D9" s="191" t="str">
        <f t="shared" si="0"/>
        <v/>
      </c>
      <c r="E9" s="192"/>
      <c r="F9" s="193" t="str">
        <f t="shared" si="0"/>
        <v/>
      </c>
      <c r="G9" s="194" t="str">
        <f t="shared" si="1"/>
        <v/>
      </c>
      <c r="H9" s="191" t="str">
        <f t="shared" si="2"/>
        <v/>
      </c>
    </row>
    <row r="10" spans="1:8" ht="22.5" customHeight="1" x14ac:dyDescent="0.25">
      <c r="A10" s="188" t="s">
        <v>411</v>
      </c>
      <c r="B10" s="189">
        <v>30</v>
      </c>
      <c r="C10" s="190"/>
      <c r="D10" s="191" t="str">
        <f t="shared" si="0"/>
        <v/>
      </c>
      <c r="E10" s="192"/>
      <c r="F10" s="193" t="str">
        <f t="shared" si="0"/>
        <v/>
      </c>
      <c r="G10" s="194" t="str">
        <f t="shared" si="1"/>
        <v/>
      </c>
      <c r="H10" s="191" t="str">
        <f t="shared" si="2"/>
        <v/>
      </c>
    </row>
    <row r="11" spans="1:8" ht="22.5" customHeight="1" x14ac:dyDescent="0.25">
      <c r="A11" s="188" t="s">
        <v>412</v>
      </c>
      <c r="B11" s="189">
        <v>31</v>
      </c>
      <c r="C11" s="190"/>
      <c r="D11" s="191" t="str">
        <f t="shared" si="0"/>
        <v/>
      </c>
      <c r="E11" s="192"/>
      <c r="F11" s="193" t="str">
        <f t="shared" si="0"/>
        <v/>
      </c>
      <c r="G11" s="194" t="str">
        <f t="shared" si="1"/>
        <v/>
      </c>
      <c r="H11" s="191" t="str">
        <f t="shared" si="2"/>
        <v/>
      </c>
    </row>
    <row r="12" spans="1:8" ht="22.5" customHeight="1" x14ac:dyDescent="0.25">
      <c r="A12" s="188" t="s">
        <v>413</v>
      </c>
      <c r="B12" s="189">
        <v>30</v>
      </c>
      <c r="C12" s="190"/>
      <c r="D12" s="191" t="str">
        <f t="shared" si="0"/>
        <v/>
      </c>
      <c r="E12" s="192"/>
      <c r="F12" s="193" t="str">
        <f t="shared" si="0"/>
        <v/>
      </c>
      <c r="G12" s="194" t="str">
        <f t="shared" si="1"/>
        <v/>
      </c>
      <c r="H12" s="191" t="str">
        <f t="shared" si="2"/>
        <v/>
      </c>
    </row>
    <row r="13" spans="1:8" ht="22.5" customHeight="1" x14ac:dyDescent="0.25">
      <c r="A13" s="188" t="s">
        <v>414</v>
      </c>
      <c r="B13" s="189">
        <v>31</v>
      </c>
      <c r="C13" s="190"/>
      <c r="D13" s="191" t="str">
        <f t="shared" si="0"/>
        <v/>
      </c>
      <c r="E13" s="192"/>
      <c r="F13" s="193" t="str">
        <f t="shared" si="0"/>
        <v/>
      </c>
      <c r="G13" s="194" t="str">
        <f t="shared" si="1"/>
        <v/>
      </c>
      <c r="H13" s="191" t="str">
        <f t="shared" si="2"/>
        <v/>
      </c>
    </row>
    <row r="14" spans="1:8" ht="22.5" customHeight="1" x14ac:dyDescent="0.25">
      <c r="A14" s="188" t="s">
        <v>415</v>
      </c>
      <c r="B14" s="189">
        <v>31</v>
      </c>
      <c r="C14" s="190"/>
      <c r="D14" s="191" t="str">
        <f t="shared" si="0"/>
        <v/>
      </c>
      <c r="E14" s="192"/>
      <c r="F14" s="193" t="str">
        <f t="shared" si="0"/>
        <v/>
      </c>
      <c r="G14" s="194" t="str">
        <f t="shared" si="1"/>
        <v/>
      </c>
      <c r="H14" s="191" t="str">
        <f t="shared" si="2"/>
        <v/>
      </c>
    </row>
    <row r="15" spans="1:8" ht="22.5" customHeight="1" x14ac:dyDescent="0.25">
      <c r="A15" s="188" t="s">
        <v>416</v>
      </c>
      <c r="B15" s="189">
        <v>28</v>
      </c>
      <c r="C15" s="190"/>
      <c r="D15" s="191" t="str">
        <f t="shared" si="0"/>
        <v/>
      </c>
      <c r="E15" s="192"/>
      <c r="F15" s="193" t="str">
        <f t="shared" si="0"/>
        <v/>
      </c>
      <c r="G15" s="194" t="str">
        <f t="shared" si="1"/>
        <v/>
      </c>
      <c r="H15" s="191" t="str">
        <f t="shared" si="2"/>
        <v/>
      </c>
    </row>
    <row r="16" spans="1:8" ht="22.5" customHeight="1" x14ac:dyDescent="0.25">
      <c r="A16" s="195" t="s">
        <v>417</v>
      </c>
      <c r="B16" s="196">
        <v>31</v>
      </c>
      <c r="C16" s="197"/>
      <c r="D16" s="198" t="str">
        <f t="shared" si="0"/>
        <v/>
      </c>
      <c r="E16" s="199"/>
      <c r="F16" s="200" t="str">
        <f t="shared" si="0"/>
        <v/>
      </c>
      <c r="G16" s="201" t="str">
        <f t="shared" si="1"/>
        <v/>
      </c>
      <c r="H16" s="198" t="str">
        <f t="shared" si="2"/>
        <v/>
      </c>
    </row>
    <row r="17" spans="1:8" ht="22.5" customHeight="1" x14ac:dyDescent="0.25">
      <c r="A17" s="202" t="s">
        <v>418</v>
      </c>
      <c r="B17" s="203">
        <f>SUM(B5:B16)</f>
        <v>365</v>
      </c>
      <c r="C17" s="204" t="str">
        <f>IF(SUM(C5:C16)=0,"",SUM(C5:C16))</f>
        <v/>
      </c>
      <c r="D17" s="205" t="str">
        <f t="shared" si="0"/>
        <v/>
      </c>
      <c r="E17" s="206" t="str">
        <f>IF(SUM(E5:E16)=0,"",SUM(E5:E16))</f>
        <v/>
      </c>
      <c r="F17" s="207" t="str">
        <f t="shared" si="0"/>
        <v/>
      </c>
      <c r="G17" s="204" t="str">
        <f>IF(SUM(G5:G16)=0,"",SUM(G5:G16))</f>
        <v/>
      </c>
      <c r="H17" s="205" t="str">
        <f t="shared" si="2"/>
        <v/>
      </c>
    </row>
    <row r="18" spans="1:8" ht="18" customHeight="1" x14ac:dyDescent="0.25">
      <c r="A18" s="39" t="s">
        <v>419</v>
      </c>
    </row>
    <row r="19" spans="1:8" ht="18" customHeight="1" x14ac:dyDescent="0.25">
      <c r="A19" s="39" t="s">
        <v>420</v>
      </c>
    </row>
    <row r="20" spans="1:8" ht="18" customHeight="1" x14ac:dyDescent="0.25">
      <c r="A20" s="39" t="s">
        <v>421</v>
      </c>
    </row>
    <row r="21" spans="1:8" ht="18" customHeight="1" x14ac:dyDescent="0.25">
      <c r="A21" s="39" t="s">
        <v>422</v>
      </c>
    </row>
    <row r="22" spans="1:8" ht="18" customHeight="1" x14ac:dyDescent="0.25">
      <c r="A22" s="39" t="s">
        <v>423</v>
      </c>
    </row>
    <row r="23" spans="1:8" ht="18" customHeight="1" x14ac:dyDescent="0.25"/>
  </sheetData>
  <sheetProtection sheet="1" selectLockedCells="1"/>
  <mergeCells count="5">
    <mergeCell ref="A3:A4"/>
    <mergeCell ref="B3:B4"/>
    <mergeCell ref="C3:D3"/>
    <mergeCell ref="E3:F3"/>
    <mergeCell ref="G3:H3"/>
  </mergeCells>
  <phoneticPr fontId="1"/>
  <pageMargins left="0.98425196850393704" right="0.98425196850393704" top="0.78740157480314965" bottom="0.78740157480314965" header="0.31496062992125984" footer="0.31496062992125984"/>
  <pageSetup paperSize="9" orientation="portrait" horizontalDpi="300" verticalDpi="30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O28"/>
  <sheetViews>
    <sheetView zoomScaleNormal="100" zoomScaleSheetLayoutView="100" workbookViewId="0">
      <selection activeCell="M17" sqref="M17"/>
    </sheetView>
  </sheetViews>
  <sheetFormatPr defaultColWidth="9" defaultRowHeight="22.5" customHeight="1" x14ac:dyDescent="0.25"/>
  <cols>
    <col min="1" max="1" width="13.46484375" style="63" customWidth="1"/>
    <col min="2" max="11" width="4.86328125" style="39" customWidth="1"/>
    <col min="12" max="14" width="6.46484375" style="39" customWidth="1"/>
    <col min="15" max="15" width="9" style="209"/>
    <col min="16" max="16384" width="9" style="39"/>
  </cols>
  <sheetData>
    <row r="1" spans="1:15" ht="22.5" customHeight="1" x14ac:dyDescent="0.25">
      <c r="A1" s="208" t="s">
        <v>424</v>
      </c>
      <c r="O1" s="209" t="s">
        <v>102</v>
      </c>
    </row>
    <row r="2" spans="1:15" ht="22.5" customHeight="1" x14ac:dyDescent="0.25">
      <c r="A2" s="146" t="s">
        <v>389</v>
      </c>
    </row>
    <row r="3" spans="1:15" ht="22.5" customHeight="1" x14ac:dyDescent="0.25">
      <c r="A3" s="444" t="s">
        <v>425</v>
      </c>
      <c r="B3" s="446" t="s">
        <v>426</v>
      </c>
      <c r="C3" s="290"/>
      <c r="D3" s="290"/>
      <c r="E3" s="290"/>
      <c r="F3" s="290"/>
      <c r="G3" s="291"/>
      <c r="H3" s="447" t="s">
        <v>427</v>
      </c>
      <c r="I3" s="290"/>
      <c r="J3" s="286"/>
      <c r="K3" s="448" t="s">
        <v>428</v>
      </c>
      <c r="L3" s="450" t="s">
        <v>429</v>
      </c>
      <c r="M3" s="452" t="s">
        <v>430</v>
      </c>
      <c r="N3" s="442" t="s">
        <v>431</v>
      </c>
      <c r="O3" s="209" t="s">
        <v>100</v>
      </c>
    </row>
    <row r="4" spans="1:15" ht="22.5" customHeight="1" x14ac:dyDescent="0.25">
      <c r="A4" s="445"/>
      <c r="B4" s="210" t="s">
        <v>73</v>
      </c>
      <c r="C4" s="211" t="s">
        <v>432</v>
      </c>
      <c r="D4" s="211" t="s">
        <v>74</v>
      </c>
      <c r="E4" s="211" t="s">
        <v>75</v>
      </c>
      <c r="F4" s="211" t="s">
        <v>433</v>
      </c>
      <c r="G4" s="212" t="s">
        <v>434</v>
      </c>
      <c r="H4" s="213" t="s">
        <v>435</v>
      </c>
      <c r="I4" s="211" t="s">
        <v>436</v>
      </c>
      <c r="J4" s="214" t="s">
        <v>437</v>
      </c>
      <c r="K4" s="449"/>
      <c r="L4" s="451"/>
      <c r="M4" s="453"/>
      <c r="N4" s="443"/>
    </row>
    <row r="5" spans="1:15" ht="22.5" customHeight="1" x14ac:dyDescent="0.25">
      <c r="A5" s="227"/>
      <c r="B5" s="228" t="s">
        <v>101</v>
      </c>
      <c r="C5" s="229" t="s">
        <v>102</v>
      </c>
      <c r="D5" s="229" t="s">
        <v>102</v>
      </c>
      <c r="E5" s="229" t="s">
        <v>102</v>
      </c>
      <c r="F5" s="229" t="s">
        <v>102</v>
      </c>
      <c r="G5" s="230" t="s">
        <v>102</v>
      </c>
      <c r="H5" s="231" t="s">
        <v>102</v>
      </c>
      <c r="I5" s="229" t="s">
        <v>102</v>
      </c>
      <c r="J5" s="232" t="s">
        <v>102</v>
      </c>
      <c r="K5" s="233" t="s">
        <v>102</v>
      </c>
      <c r="L5" s="231" t="s">
        <v>102</v>
      </c>
      <c r="M5" s="230" t="s">
        <v>102</v>
      </c>
      <c r="N5" s="234" t="s">
        <v>102</v>
      </c>
    </row>
    <row r="6" spans="1:15" ht="22.5" customHeight="1" x14ac:dyDescent="0.25">
      <c r="A6" s="215"/>
      <c r="B6" s="216" t="s">
        <v>102</v>
      </c>
      <c r="C6" s="138" t="s">
        <v>102</v>
      </c>
      <c r="D6" s="138" t="s">
        <v>102</v>
      </c>
      <c r="E6" s="138" t="s">
        <v>102</v>
      </c>
      <c r="F6" s="138" t="s">
        <v>102</v>
      </c>
      <c r="G6" s="139" t="s">
        <v>102</v>
      </c>
      <c r="H6" s="217" t="s">
        <v>102</v>
      </c>
      <c r="I6" s="138" t="s">
        <v>102</v>
      </c>
      <c r="J6" s="218" t="s">
        <v>102</v>
      </c>
      <c r="K6" s="219" t="s">
        <v>102</v>
      </c>
      <c r="L6" s="217" t="s">
        <v>102</v>
      </c>
      <c r="M6" s="139" t="s">
        <v>102</v>
      </c>
      <c r="N6" s="220" t="s">
        <v>102</v>
      </c>
    </row>
    <row r="7" spans="1:15" ht="22.5" customHeight="1" x14ac:dyDescent="0.25">
      <c r="A7" s="215"/>
      <c r="B7" s="216" t="s">
        <v>102</v>
      </c>
      <c r="C7" s="138" t="s">
        <v>102</v>
      </c>
      <c r="D7" s="138" t="s">
        <v>102</v>
      </c>
      <c r="E7" s="138" t="s">
        <v>102</v>
      </c>
      <c r="F7" s="138" t="s">
        <v>102</v>
      </c>
      <c r="G7" s="139" t="s">
        <v>102</v>
      </c>
      <c r="H7" s="217" t="s">
        <v>102</v>
      </c>
      <c r="I7" s="138" t="s">
        <v>102</v>
      </c>
      <c r="J7" s="218" t="s">
        <v>102</v>
      </c>
      <c r="K7" s="219" t="s">
        <v>102</v>
      </c>
      <c r="L7" s="217" t="s">
        <v>102</v>
      </c>
      <c r="M7" s="139" t="s">
        <v>102</v>
      </c>
      <c r="N7" s="220" t="s">
        <v>102</v>
      </c>
    </row>
    <row r="8" spans="1:15" ht="22.5" customHeight="1" x14ac:dyDescent="0.25">
      <c r="A8" s="215"/>
      <c r="B8" s="216" t="s">
        <v>102</v>
      </c>
      <c r="C8" s="138" t="s">
        <v>102</v>
      </c>
      <c r="D8" s="138" t="s">
        <v>102</v>
      </c>
      <c r="E8" s="138" t="s">
        <v>102</v>
      </c>
      <c r="F8" s="138" t="s">
        <v>102</v>
      </c>
      <c r="G8" s="139" t="s">
        <v>102</v>
      </c>
      <c r="H8" s="217" t="s">
        <v>102</v>
      </c>
      <c r="I8" s="138" t="s">
        <v>102</v>
      </c>
      <c r="J8" s="218" t="s">
        <v>102</v>
      </c>
      <c r="K8" s="219" t="s">
        <v>102</v>
      </c>
      <c r="L8" s="217" t="s">
        <v>102</v>
      </c>
      <c r="M8" s="139" t="s">
        <v>102</v>
      </c>
      <c r="N8" s="220" t="s">
        <v>102</v>
      </c>
    </row>
    <row r="9" spans="1:15" ht="22.5" customHeight="1" x14ac:dyDescent="0.25">
      <c r="A9" s="215"/>
      <c r="B9" s="216" t="s">
        <v>102</v>
      </c>
      <c r="C9" s="138" t="s">
        <v>102</v>
      </c>
      <c r="D9" s="138" t="s">
        <v>102</v>
      </c>
      <c r="E9" s="138" t="s">
        <v>102</v>
      </c>
      <c r="F9" s="138" t="s">
        <v>102</v>
      </c>
      <c r="G9" s="139" t="s">
        <v>102</v>
      </c>
      <c r="H9" s="217" t="s">
        <v>102</v>
      </c>
      <c r="I9" s="138" t="s">
        <v>102</v>
      </c>
      <c r="J9" s="218" t="s">
        <v>102</v>
      </c>
      <c r="K9" s="219" t="s">
        <v>102</v>
      </c>
      <c r="L9" s="217" t="s">
        <v>102</v>
      </c>
      <c r="M9" s="139" t="s">
        <v>102</v>
      </c>
      <c r="N9" s="220" t="s">
        <v>102</v>
      </c>
    </row>
    <row r="10" spans="1:15" ht="22.5" customHeight="1" x14ac:dyDescent="0.25">
      <c r="A10" s="215"/>
      <c r="B10" s="216" t="s">
        <v>102</v>
      </c>
      <c r="C10" s="138" t="s">
        <v>102</v>
      </c>
      <c r="D10" s="138" t="s">
        <v>102</v>
      </c>
      <c r="E10" s="138" t="s">
        <v>102</v>
      </c>
      <c r="F10" s="138" t="s">
        <v>102</v>
      </c>
      <c r="G10" s="139" t="s">
        <v>102</v>
      </c>
      <c r="H10" s="217" t="s">
        <v>102</v>
      </c>
      <c r="I10" s="138" t="s">
        <v>102</v>
      </c>
      <c r="J10" s="218" t="s">
        <v>102</v>
      </c>
      <c r="K10" s="219" t="s">
        <v>102</v>
      </c>
      <c r="L10" s="217" t="s">
        <v>102</v>
      </c>
      <c r="M10" s="139" t="s">
        <v>102</v>
      </c>
      <c r="N10" s="220" t="s">
        <v>102</v>
      </c>
    </row>
    <row r="11" spans="1:15" ht="22.5" customHeight="1" x14ac:dyDescent="0.25">
      <c r="A11" s="215"/>
      <c r="B11" s="216" t="s">
        <v>102</v>
      </c>
      <c r="C11" s="138" t="s">
        <v>102</v>
      </c>
      <c r="D11" s="138" t="s">
        <v>102</v>
      </c>
      <c r="E11" s="138" t="s">
        <v>102</v>
      </c>
      <c r="F11" s="138" t="s">
        <v>102</v>
      </c>
      <c r="G11" s="139" t="s">
        <v>102</v>
      </c>
      <c r="H11" s="217" t="s">
        <v>102</v>
      </c>
      <c r="I11" s="138" t="s">
        <v>102</v>
      </c>
      <c r="J11" s="218" t="s">
        <v>102</v>
      </c>
      <c r="K11" s="219" t="s">
        <v>102</v>
      </c>
      <c r="L11" s="217" t="s">
        <v>102</v>
      </c>
      <c r="M11" s="139" t="s">
        <v>102</v>
      </c>
      <c r="N11" s="220" t="s">
        <v>102</v>
      </c>
    </row>
    <row r="12" spans="1:15" ht="22.5" customHeight="1" x14ac:dyDescent="0.25">
      <c r="A12" s="215"/>
      <c r="B12" s="216" t="s">
        <v>102</v>
      </c>
      <c r="C12" s="138" t="s">
        <v>102</v>
      </c>
      <c r="D12" s="138" t="s">
        <v>102</v>
      </c>
      <c r="E12" s="138" t="s">
        <v>102</v>
      </c>
      <c r="F12" s="138" t="s">
        <v>102</v>
      </c>
      <c r="G12" s="139" t="s">
        <v>102</v>
      </c>
      <c r="H12" s="217" t="s">
        <v>102</v>
      </c>
      <c r="I12" s="138" t="s">
        <v>102</v>
      </c>
      <c r="J12" s="218" t="s">
        <v>102</v>
      </c>
      <c r="K12" s="219" t="s">
        <v>102</v>
      </c>
      <c r="L12" s="217" t="s">
        <v>102</v>
      </c>
      <c r="M12" s="139" t="s">
        <v>102</v>
      </c>
      <c r="N12" s="220" t="s">
        <v>102</v>
      </c>
    </row>
    <row r="13" spans="1:15" ht="22.5" customHeight="1" x14ac:dyDescent="0.25">
      <c r="A13" s="215"/>
      <c r="B13" s="216" t="s">
        <v>102</v>
      </c>
      <c r="C13" s="138" t="s">
        <v>102</v>
      </c>
      <c r="D13" s="138" t="s">
        <v>102</v>
      </c>
      <c r="E13" s="138" t="s">
        <v>102</v>
      </c>
      <c r="F13" s="138" t="s">
        <v>102</v>
      </c>
      <c r="G13" s="139" t="s">
        <v>102</v>
      </c>
      <c r="H13" s="217" t="s">
        <v>102</v>
      </c>
      <c r="I13" s="138" t="s">
        <v>102</v>
      </c>
      <c r="J13" s="218" t="s">
        <v>102</v>
      </c>
      <c r="K13" s="219" t="s">
        <v>102</v>
      </c>
      <c r="L13" s="217" t="s">
        <v>102</v>
      </c>
      <c r="M13" s="139" t="s">
        <v>102</v>
      </c>
      <c r="N13" s="220" t="s">
        <v>102</v>
      </c>
    </row>
    <row r="14" spans="1:15" ht="22.5" customHeight="1" x14ac:dyDescent="0.25">
      <c r="A14" s="215"/>
      <c r="B14" s="216" t="s">
        <v>102</v>
      </c>
      <c r="C14" s="138" t="s">
        <v>102</v>
      </c>
      <c r="D14" s="138" t="s">
        <v>102</v>
      </c>
      <c r="E14" s="138" t="s">
        <v>102</v>
      </c>
      <c r="F14" s="138" t="s">
        <v>102</v>
      </c>
      <c r="G14" s="139" t="s">
        <v>102</v>
      </c>
      <c r="H14" s="217" t="s">
        <v>102</v>
      </c>
      <c r="I14" s="138" t="s">
        <v>102</v>
      </c>
      <c r="J14" s="218" t="s">
        <v>102</v>
      </c>
      <c r="K14" s="219" t="s">
        <v>102</v>
      </c>
      <c r="L14" s="217" t="s">
        <v>102</v>
      </c>
      <c r="M14" s="139" t="s">
        <v>102</v>
      </c>
      <c r="N14" s="220" t="s">
        <v>102</v>
      </c>
    </row>
    <row r="15" spans="1:15" ht="22.5" customHeight="1" x14ac:dyDescent="0.25">
      <c r="A15" s="215"/>
      <c r="B15" s="216" t="s">
        <v>102</v>
      </c>
      <c r="C15" s="138" t="s">
        <v>102</v>
      </c>
      <c r="D15" s="138" t="s">
        <v>102</v>
      </c>
      <c r="E15" s="138" t="s">
        <v>102</v>
      </c>
      <c r="F15" s="138" t="s">
        <v>102</v>
      </c>
      <c r="G15" s="139" t="s">
        <v>102</v>
      </c>
      <c r="H15" s="217" t="s">
        <v>102</v>
      </c>
      <c r="I15" s="138" t="s">
        <v>102</v>
      </c>
      <c r="J15" s="218" t="s">
        <v>102</v>
      </c>
      <c r="K15" s="219" t="s">
        <v>102</v>
      </c>
      <c r="L15" s="217" t="s">
        <v>102</v>
      </c>
      <c r="M15" s="139" t="s">
        <v>102</v>
      </c>
      <c r="N15" s="220" t="s">
        <v>102</v>
      </c>
    </row>
    <row r="16" spans="1:15" ht="22.5" customHeight="1" x14ac:dyDescent="0.25">
      <c r="A16" s="215"/>
      <c r="B16" s="216" t="s">
        <v>102</v>
      </c>
      <c r="C16" s="138" t="s">
        <v>102</v>
      </c>
      <c r="D16" s="138" t="s">
        <v>102</v>
      </c>
      <c r="E16" s="138" t="s">
        <v>102</v>
      </c>
      <c r="F16" s="138" t="s">
        <v>102</v>
      </c>
      <c r="G16" s="139" t="s">
        <v>102</v>
      </c>
      <c r="H16" s="217" t="s">
        <v>102</v>
      </c>
      <c r="I16" s="138" t="s">
        <v>102</v>
      </c>
      <c r="J16" s="218" t="s">
        <v>102</v>
      </c>
      <c r="K16" s="219" t="s">
        <v>102</v>
      </c>
      <c r="L16" s="217" t="s">
        <v>102</v>
      </c>
      <c r="M16" s="139" t="s">
        <v>102</v>
      </c>
      <c r="N16" s="220" t="s">
        <v>102</v>
      </c>
    </row>
    <row r="17" spans="1:14" ht="22.5" customHeight="1" x14ac:dyDescent="0.25">
      <c r="A17" s="215"/>
      <c r="B17" s="216" t="s">
        <v>102</v>
      </c>
      <c r="C17" s="138" t="s">
        <v>102</v>
      </c>
      <c r="D17" s="138" t="s">
        <v>102</v>
      </c>
      <c r="E17" s="138" t="s">
        <v>102</v>
      </c>
      <c r="F17" s="138" t="s">
        <v>102</v>
      </c>
      <c r="G17" s="139" t="s">
        <v>102</v>
      </c>
      <c r="H17" s="217" t="s">
        <v>102</v>
      </c>
      <c r="I17" s="138" t="s">
        <v>102</v>
      </c>
      <c r="J17" s="218" t="s">
        <v>102</v>
      </c>
      <c r="K17" s="219" t="s">
        <v>102</v>
      </c>
      <c r="L17" s="217" t="s">
        <v>102</v>
      </c>
      <c r="M17" s="139" t="s">
        <v>102</v>
      </c>
      <c r="N17" s="220" t="s">
        <v>102</v>
      </c>
    </row>
    <row r="18" spans="1:14" ht="22.5" customHeight="1" x14ac:dyDescent="0.25">
      <c r="A18" s="215"/>
      <c r="B18" s="216" t="s">
        <v>102</v>
      </c>
      <c r="C18" s="138" t="s">
        <v>102</v>
      </c>
      <c r="D18" s="138" t="s">
        <v>102</v>
      </c>
      <c r="E18" s="138" t="s">
        <v>102</v>
      </c>
      <c r="F18" s="138" t="s">
        <v>102</v>
      </c>
      <c r="G18" s="139" t="s">
        <v>102</v>
      </c>
      <c r="H18" s="217" t="s">
        <v>102</v>
      </c>
      <c r="I18" s="138" t="s">
        <v>102</v>
      </c>
      <c r="J18" s="218" t="s">
        <v>102</v>
      </c>
      <c r="K18" s="219" t="s">
        <v>102</v>
      </c>
      <c r="L18" s="217" t="s">
        <v>102</v>
      </c>
      <c r="M18" s="139" t="s">
        <v>102</v>
      </c>
      <c r="N18" s="220" t="s">
        <v>102</v>
      </c>
    </row>
    <row r="19" spans="1:14" ht="22.5" customHeight="1" x14ac:dyDescent="0.25">
      <c r="A19" s="215"/>
      <c r="B19" s="216" t="s">
        <v>102</v>
      </c>
      <c r="C19" s="138" t="s">
        <v>102</v>
      </c>
      <c r="D19" s="138" t="s">
        <v>102</v>
      </c>
      <c r="E19" s="138" t="s">
        <v>102</v>
      </c>
      <c r="F19" s="138" t="s">
        <v>102</v>
      </c>
      <c r="G19" s="139" t="s">
        <v>102</v>
      </c>
      <c r="H19" s="217" t="s">
        <v>102</v>
      </c>
      <c r="I19" s="138" t="s">
        <v>102</v>
      </c>
      <c r="J19" s="218" t="s">
        <v>102</v>
      </c>
      <c r="K19" s="219" t="s">
        <v>102</v>
      </c>
      <c r="L19" s="217" t="s">
        <v>102</v>
      </c>
      <c r="M19" s="139" t="s">
        <v>102</v>
      </c>
      <c r="N19" s="220" t="s">
        <v>102</v>
      </c>
    </row>
    <row r="20" spans="1:14" ht="22.5" customHeight="1" x14ac:dyDescent="0.25">
      <c r="A20" s="215"/>
      <c r="B20" s="216" t="s">
        <v>102</v>
      </c>
      <c r="C20" s="138" t="s">
        <v>102</v>
      </c>
      <c r="D20" s="138" t="s">
        <v>102</v>
      </c>
      <c r="E20" s="138" t="s">
        <v>102</v>
      </c>
      <c r="F20" s="138" t="s">
        <v>102</v>
      </c>
      <c r="G20" s="139" t="s">
        <v>102</v>
      </c>
      <c r="H20" s="217" t="s">
        <v>102</v>
      </c>
      <c r="I20" s="138" t="s">
        <v>102</v>
      </c>
      <c r="J20" s="218" t="s">
        <v>102</v>
      </c>
      <c r="K20" s="219" t="s">
        <v>102</v>
      </c>
      <c r="L20" s="217" t="s">
        <v>102</v>
      </c>
      <c r="M20" s="139" t="s">
        <v>102</v>
      </c>
      <c r="N20" s="220" t="s">
        <v>102</v>
      </c>
    </row>
    <row r="21" spans="1:14" ht="22.5" customHeight="1" x14ac:dyDescent="0.25">
      <c r="A21" s="215"/>
      <c r="B21" s="216" t="s">
        <v>102</v>
      </c>
      <c r="C21" s="138" t="s">
        <v>102</v>
      </c>
      <c r="D21" s="138" t="s">
        <v>102</v>
      </c>
      <c r="E21" s="138" t="s">
        <v>102</v>
      </c>
      <c r="F21" s="138" t="s">
        <v>102</v>
      </c>
      <c r="G21" s="139" t="s">
        <v>102</v>
      </c>
      <c r="H21" s="217" t="s">
        <v>102</v>
      </c>
      <c r="I21" s="138" t="s">
        <v>102</v>
      </c>
      <c r="J21" s="218" t="s">
        <v>102</v>
      </c>
      <c r="K21" s="219" t="s">
        <v>102</v>
      </c>
      <c r="L21" s="217" t="s">
        <v>102</v>
      </c>
      <c r="M21" s="139" t="s">
        <v>102</v>
      </c>
      <c r="N21" s="220" t="s">
        <v>102</v>
      </c>
    </row>
    <row r="22" spans="1:14" ht="22.5" customHeight="1" x14ac:dyDescent="0.25">
      <c r="A22" s="215"/>
      <c r="B22" s="216" t="s">
        <v>102</v>
      </c>
      <c r="C22" s="138" t="s">
        <v>102</v>
      </c>
      <c r="D22" s="138" t="s">
        <v>102</v>
      </c>
      <c r="E22" s="138" t="s">
        <v>102</v>
      </c>
      <c r="F22" s="138" t="s">
        <v>102</v>
      </c>
      <c r="G22" s="139" t="s">
        <v>102</v>
      </c>
      <c r="H22" s="217" t="s">
        <v>102</v>
      </c>
      <c r="I22" s="138" t="s">
        <v>102</v>
      </c>
      <c r="J22" s="218" t="s">
        <v>102</v>
      </c>
      <c r="K22" s="219" t="s">
        <v>102</v>
      </c>
      <c r="L22" s="217" t="s">
        <v>102</v>
      </c>
      <c r="M22" s="139" t="s">
        <v>102</v>
      </c>
      <c r="N22" s="220" t="s">
        <v>102</v>
      </c>
    </row>
    <row r="23" spans="1:14" ht="22.5" customHeight="1" x14ac:dyDescent="0.25">
      <c r="A23" s="215"/>
      <c r="B23" s="216" t="s">
        <v>102</v>
      </c>
      <c r="C23" s="138" t="s">
        <v>102</v>
      </c>
      <c r="D23" s="138" t="s">
        <v>102</v>
      </c>
      <c r="E23" s="138" t="s">
        <v>102</v>
      </c>
      <c r="F23" s="138" t="s">
        <v>102</v>
      </c>
      <c r="G23" s="139" t="s">
        <v>102</v>
      </c>
      <c r="H23" s="217" t="s">
        <v>102</v>
      </c>
      <c r="I23" s="138" t="s">
        <v>102</v>
      </c>
      <c r="J23" s="218" t="s">
        <v>102</v>
      </c>
      <c r="K23" s="219" t="s">
        <v>102</v>
      </c>
      <c r="L23" s="217" t="s">
        <v>102</v>
      </c>
      <c r="M23" s="139" t="s">
        <v>102</v>
      </c>
      <c r="N23" s="220" t="s">
        <v>102</v>
      </c>
    </row>
    <row r="24" spans="1:14" ht="22.5" customHeight="1" x14ac:dyDescent="0.25">
      <c r="A24" s="215"/>
      <c r="B24" s="216" t="s">
        <v>102</v>
      </c>
      <c r="C24" s="138" t="s">
        <v>102</v>
      </c>
      <c r="D24" s="138" t="s">
        <v>102</v>
      </c>
      <c r="E24" s="138" t="s">
        <v>102</v>
      </c>
      <c r="F24" s="138" t="s">
        <v>102</v>
      </c>
      <c r="G24" s="139" t="s">
        <v>102</v>
      </c>
      <c r="H24" s="217" t="s">
        <v>102</v>
      </c>
      <c r="I24" s="138" t="s">
        <v>102</v>
      </c>
      <c r="J24" s="218" t="s">
        <v>102</v>
      </c>
      <c r="K24" s="219" t="s">
        <v>102</v>
      </c>
      <c r="L24" s="217" t="s">
        <v>102</v>
      </c>
      <c r="M24" s="139" t="s">
        <v>102</v>
      </c>
      <c r="N24" s="220" t="s">
        <v>102</v>
      </c>
    </row>
    <row r="25" spans="1:14" ht="22.5" customHeight="1" x14ac:dyDescent="0.25">
      <c r="A25" s="215"/>
      <c r="B25" s="216" t="s">
        <v>102</v>
      </c>
      <c r="C25" s="138" t="s">
        <v>102</v>
      </c>
      <c r="D25" s="138" t="s">
        <v>102</v>
      </c>
      <c r="E25" s="138" t="s">
        <v>102</v>
      </c>
      <c r="F25" s="138" t="s">
        <v>102</v>
      </c>
      <c r="G25" s="139" t="s">
        <v>102</v>
      </c>
      <c r="H25" s="217" t="s">
        <v>102</v>
      </c>
      <c r="I25" s="138" t="s">
        <v>102</v>
      </c>
      <c r="J25" s="218" t="s">
        <v>102</v>
      </c>
      <c r="K25" s="219" t="s">
        <v>102</v>
      </c>
      <c r="L25" s="217" t="s">
        <v>102</v>
      </c>
      <c r="M25" s="139" t="s">
        <v>102</v>
      </c>
      <c r="N25" s="220" t="s">
        <v>102</v>
      </c>
    </row>
    <row r="26" spans="1:14" ht="22.5" customHeight="1" x14ac:dyDescent="0.25">
      <c r="A26" s="215"/>
      <c r="B26" s="216" t="s">
        <v>102</v>
      </c>
      <c r="C26" s="138" t="s">
        <v>102</v>
      </c>
      <c r="D26" s="138" t="s">
        <v>102</v>
      </c>
      <c r="E26" s="138" t="s">
        <v>102</v>
      </c>
      <c r="F26" s="138" t="s">
        <v>102</v>
      </c>
      <c r="G26" s="139" t="s">
        <v>102</v>
      </c>
      <c r="H26" s="217" t="s">
        <v>102</v>
      </c>
      <c r="I26" s="138" t="s">
        <v>102</v>
      </c>
      <c r="J26" s="218" t="s">
        <v>102</v>
      </c>
      <c r="K26" s="219" t="s">
        <v>102</v>
      </c>
      <c r="L26" s="217" t="s">
        <v>102</v>
      </c>
      <c r="M26" s="139" t="s">
        <v>102</v>
      </c>
      <c r="N26" s="220" t="s">
        <v>102</v>
      </c>
    </row>
    <row r="27" spans="1:14" ht="22.5" customHeight="1" x14ac:dyDescent="0.25">
      <c r="A27" s="215"/>
      <c r="B27" s="216" t="s">
        <v>102</v>
      </c>
      <c r="C27" s="138" t="s">
        <v>102</v>
      </c>
      <c r="D27" s="138" t="s">
        <v>102</v>
      </c>
      <c r="E27" s="138" t="s">
        <v>102</v>
      </c>
      <c r="F27" s="138" t="s">
        <v>102</v>
      </c>
      <c r="G27" s="139" t="s">
        <v>102</v>
      </c>
      <c r="H27" s="217" t="s">
        <v>102</v>
      </c>
      <c r="I27" s="138" t="s">
        <v>102</v>
      </c>
      <c r="J27" s="218" t="s">
        <v>102</v>
      </c>
      <c r="K27" s="219" t="s">
        <v>102</v>
      </c>
      <c r="L27" s="217" t="s">
        <v>102</v>
      </c>
      <c r="M27" s="139" t="s">
        <v>102</v>
      </c>
      <c r="N27" s="220" t="s">
        <v>102</v>
      </c>
    </row>
    <row r="28" spans="1:14" ht="22.5" customHeight="1" x14ac:dyDescent="0.25">
      <c r="A28" s="221"/>
      <c r="B28" s="222" t="s">
        <v>102</v>
      </c>
      <c r="C28" s="140" t="s">
        <v>102</v>
      </c>
      <c r="D28" s="140" t="s">
        <v>102</v>
      </c>
      <c r="E28" s="140" t="s">
        <v>102</v>
      </c>
      <c r="F28" s="140" t="s">
        <v>102</v>
      </c>
      <c r="G28" s="141" t="s">
        <v>102</v>
      </c>
      <c r="H28" s="223" t="s">
        <v>102</v>
      </c>
      <c r="I28" s="140" t="s">
        <v>102</v>
      </c>
      <c r="J28" s="224" t="s">
        <v>102</v>
      </c>
      <c r="K28" s="225" t="s">
        <v>102</v>
      </c>
      <c r="L28" s="223" t="s">
        <v>102</v>
      </c>
      <c r="M28" s="141" t="s">
        <v>102</v>
      </c>
      <c r="N28" s="226" t="s">
        <v>102</v>
      </c>
    </row>
  </sheetData>
  <sheetProtection sheet="1" selectLockedCells="1"/>
  <mergeCells count="7">
    <mergeCell ref="N3:N4"/>
    <mergeCell ref="A3:A4"/>
    <mergeCell ref="B3:G3"/>
    <mergeCell ref="H3:J3"/>
    <mergeCell ref="K3:K4"/>
    <mergeCell ref="L3:L4"/>
    <mergeCell ref="M3:M4"/>
  </mergeCells>
  <phoneticPr fontId="1"/>
  <dataValidations count="1">
    <dataValidation type="list" allowBlank="1" showInputMessage="1" showErrorMessage="1" sqref="B5:N28" xr:uid="{00000000-0002-0000-0500-000000000000}">
      <formula1>$O$1:$O$3</formula1>
    </dataValidation>
  </dataValidations>
  <pageMargins left="0.98425196850393704" right="0.98425196850393704" top="0.78740157480314965" bottom="0.78740157480314965"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4</vt:i4>
      </vt:variant>
    </vt:vector>
  </HeadingPairs>
  <TitlesOfParts>
    <vt:vector size="10" baseType="lpstr">
      <vt:lpstr>自主点検表（7-(5)）</vt:lpstr>
      <vt:lpstr>根拠法令等</vt:lpstr>
      <vt:lpstr>別表１</vt:lpstr>
      <vt:lpstr>入所者一覧表</vt:lpstr>
      <vt:lpstr>前年度の施設入所者等の状況</vt:lpstr>
      <vt:lpstr>✖防災訓練の実施状況</vt:lpstr>
      <vt:lpstr>'✖防災訓練の実施状況'!Print_Area</vt:lpstr>
      <vt:lpstr>'自主点検表（7-(5)）'!Print_Area</vt:lpstr>
      <vt:lpstr>入所者一覧表!Print_Area</vt:lpstr>
      <vt:lpstr>'自主点検表（7-(5)）'!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aibu</dc:creator>
  <cp:lastModifiedBy>菊野　沙織</cp:lastModifiedBy>
  <cp:lastPrinted>2026-06-29T04:51:45Z</cp:lastPrinted>
  <dcterms:created xsi:type="dcterms:W3CDTF">2022-07-25T11:51:09Z</dcterms:created>
  <dcterms:modified xsi:type="dcterms:W3CDTF">2026-06-29T05:16:09Z</dcterms:modified>
</cp:coreProperties>
</file>